
<file path=[Content_Types].xml><?xml version="1.0" encoding="utf-8"?>
<Types xmlns="http://schemas.openxmlformats.org/package/2006/content-types"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91" r:id="rId16"/>
  </p:sldMasterIdLst>
  <p:notesMasterIdLst>
    <p:notesMasterId r:id="rId24"/>
  </p:notesMasterIdLst>
  <p:handoutMasterIdLst>
    <p:handoutMasterId r:id="rId25"/>
  </p:handoutMasterIdLst>
  <p:sldIdLst>
    <p:sldId id="343" r:id="rId17"/>
    <p:sldId id="419" r:id="rId18"/>
    <p:sldId id="412" r:id="rId19"/>
    <p:sldId id="420" r:id="rId20"/>
    <p:sldId id="418" r:id="rId21"/>
    <p:sldId id="421" r:id="rId22"/>
    <p:sldId id="416" r:id="rId23"/>
  </p:sldIdLst>
  <p:sldSz cx="12192000" cy="6858000"/>
  <p:notesSz cx="6858000" cy="9144000"/>
  <p:defaultTextStyle>
    <a:defPPr>
      <a:defRPr lang="da-DK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hivo Light" panose="00000500000000000000" pitchFamily="2" charset="-18"/>
        <a:ea typeface="+mn-ea"/>
        <a:cs typeface="Arial" panose="020B0604020202020204" pitchFamily="34" charset="0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hivo Light" panose="00000500000000000000" pitchFamily="2" charset="-18"/>
        <a:ea typeface="+mn-ea"/>
        <a:cs typeface="Arial" panose="020B0604020202020204" pitchFamily="34" charset="0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hivo Light" panose="00000500000000000000" pitchFamily="2" charset="-18"/>
        <a:ea typeface="+mn-ea"/>
        <a:cs typeface="Arial" panose="020B0604020202020204" pitchFamily="34" charset="0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hivo Light" panose="00000500000000000000" pitchFamily="2" charset="-18"/>
        <a:ea typeface="+mn-ea"/>
        <a:cs typeface="Arial" panose="020B0604020202020204" pitchFamily="34" charset="0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hivo Light" panose="00000500000000000000" pitchFamily="2" charset="-18"/>
        <a:ea typeface="+mn-ea"/>
        <a:cs typeface="Arial" panose="020B0604020202020204" pitchFamily="34" charset="0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hivo Light" panose="00000500000000000000" pitchFamily="2" charset="-18"/>
        <a:ea typeface="+mn-ea"/>
        <a:cs typeface="Arial" panose="020B0604020202020204" pitchFamily="34" charset="0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hivo Light" panose="00000500000000000000" pitchFamily="2" charset="-18"/>
        <a:ea typeface="+mn-ea"/>
        <a:cs typeface="Arial" panose="020B0604020202020204" pitchFamily="34" charset="0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hivo Light" panose="00000500000000000000" pitchFamily="2" charset="-18"/>
        <a:ea typeface="+mn-ea"/>
        <a:cs typeface="Arial" panose="020B0604020202020204" pitchFamily="34" charset="0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hivo Light" panose="00000500000000000000" pitchFamily="2" charset="-18"/>
        <a:ea typeface="+mn-ea"/>
        <a:cs typeface="Arial" panose="020B0604020202020204" pitchFamily="34" charset="0"/>
      </a:defRPr>
    </a:lvl9pPr>
  </p:defaultTextStyle>
  <p:extLst>
    <p:ext uri="{521415D9-36F7-43E2-AB2F-B90AF26B5E84}">
      <p14:sectionLst xmlns:p14="http://schemas.microsoft.com/office/powerpoint/2010/main">
        <p14:section name="Header" id="{1A330683-F7D4-4071-ACB4-244662F09C94}">
          <p14:sldIdLst>
            <p14:sldId id="343"/>
            <p14:sldId id="419"/>
          </p14:sldIdLst>
        </p14:section>
        <p14:section name="Separators" id="{DDF9A89A-9660-4979-9109-1C8F4089FC96}">
          <p14:sldIdLst>
            <p14:sldId id="412"/>
            <p14:sldId id="420"/>
          </p14:sldIdLst>
        </p14:section>
        <p14:section name="Slides" id="{DE6FCE04-A6D0-4CFE-B8A7-6CFB3715346E}">
          <p14:sldIdLst>
            <p14:sldId id="418"/>
            <p14:sldId id="421"/>
          </p14:sldIdLst>
        </p14:section>
        <p14:section name="Footer" id="{EDC4C0AF-F738-4654-9AB7-88440B923651}">
          <p14:sldIdLst>
            <p14:sldId id="416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Maria Krauze" initials="MK" lastIdx="3" clrIdx="0">
    <p:extLst>
      <p:ext uri="{19B8F6BF-5375-455C-9EA6-DF929625EA0E}">
        <p15:presenceInfo xmlns:p15="http://schemas.microsoft.com/office/powerpoint/2012/main" userId="S::makra@7n.com::0956764d-f376-4f7f-a062-12884b7cd1d6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C4C4CB"/>
    <a:srgbClr val="EAEBEF"/>
    <a:srgbClr val="353865"/>
    <a:srgbClr val="D6D7E1"/>
    <a:srgbClr val="E0E1E8"/>
    <a:srgbClr val="EFEFF3"/>
    <a:srgbClr val="F5F5F7"/>
    <a:srgbClr val="C0BFC7"/>
    <a:srgbClr val="FFBC57"/>
    <a:srgbClr val="03063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68D230F3-CF80-4859-8CE7-A43EE81993B5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68D230F3-CF80-4859-8CE7-A43EE81993B5}" styleName="Light Style 1 - Acc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5FD0F851-EC5A-4D38-B0AD-8093EC10F338}" styleName="Light Style 1 - Accent 5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D27102A9-8310-4765-A935-A1911B00CA55}" styleName="Light Style 1 - Ac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8B1032C-EA38-4F05-BA0D-38AFFFC7BED3}" styleName="Light Style 3 - Accent 6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 w="12700" cmpd="sng">
              <a:solidFill>
                <a:schemeClr val="accent6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8978" autoAdjust="0"/>
    <p:restoredTop sz="97386" autoAdjust="0"/>
  </p:normalViewPr>
  <p:slideViewPr>
    <p:cSldViewPr snapToGrid="0" showGuides="1">
      <p:cViewPr varScale="1">
        <p:scale>
          <a:sx n="131" d="100"/>
          <a:sy n="131" d="100"/>
        </p:scale>
        <p:origin x="138" y="65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-1944"/>
    </p:cViewPr>
  </p:sorterViewPr>
  <p:notesViewPr>
    <p:cSldViewPr snapToGrid="0">
      <p:cViewPr varScale="1">
        <p:scale>
          <a:sx n="118" d="100"/>
          <a:sy n="118" d="100"/>
        </p:scale>
        <p:origin x="3744" y="90"/>
      </p:cViewPr>
      <p:guideLst/>
    </p:cSldViewPr>
  </p:notesViewPr>
  <p:gridSpacing cx="72000" cy="720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35645BC3-EAF5-4F1B-8ACE-D6615260734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GB"/>
              <a:t>xxx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8B5BC98-0D5C-493E-8021-1740B1401734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6D7D3EC-7F0B-4F47-B60C-CAB17ABDA91A}" type="datetimeFigureOut">
              <a:rPr lang="en-GB" smtClean="0"/>
              <a:t>14/05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923D8C-9AAB-4B0F-B31A-B7CCB26B5557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GB"/>
              <a:t>xxx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9D06BD5-C375-4C1C-876C-2DF5D7538BB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C11A8B6-0F45-4AE6-AA2E-494C0E2289FF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02206818"/>
      </p:ext>
    </p:extLst>
  </p:cSld>
  <p:clrMap bg1="lt1" tx1="dk1" bg2="lt2" tx2="dk2" accent1="accent1" accent2="accent2" accent3="accent3" accent4="accent4" accent5="accent5" accent6="accent6" hlink="hlink" folHlink="folHlink"/>
  <p:hf dt="0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GB"/>
              <a:t>xxx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B39B65D1-D560-4FAD-B352-DCD524AA90CC}" type="datetimeFigureOut">
              <a:rPr lang="en-GB" smtClean="0"/>
              <a:t>14/05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GB"/>
              <a:t>xxx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45DEEB2-9E54-4BED-BA15-80F7C423EF11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86173676"/>
      </p:ext>
    </p:extLst>
  </p:cSld>
  <p:clrMap bg1="lt1" tx1="dk1" bg2="lt2" tx2="dk2" accent1="accent1" accent2="accent2" accent3="accent3" accent4="accent4" accent5="accent5" accent6="accent6" hlink="hlink" folHlink="folHlink"/>
  <p:hf dt="0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GB"/>
              <a:t>xxx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GB"/>
              <a:t>xxx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45DEEB2-9E54-4BED-BA15-80F7C423EF11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701078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2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svg"/><Relationship Id="rId7" Type="http://schemas.openxmlformats.org/officeDocument/2006/relationships/image" Target="../media/image27.sv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6.png"/><Relationship Id="rId5" Type="http://schemas.openxmlformats.org/officeDocument/2006/relationships/image" Target="../media/image25.svg"/><Relationship Id="rId4" Type="http://schemas.openxmlformats.org/officeDocument/2006/relationships/image" Target="../media/image24.png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8.jp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1.jp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divers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4498975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4498975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1" y="2586199"/>
            <a:ext cx="4498974" cy="1640178"/>
          </a:xfrm>
        </p:spPr>
        <p:txBody>
          <a:bodyPr anchor="b"/>
          <a:lstStyle>
            <a:lvl1pPr algn="l">
              <a:defRPr sz="48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1" y="4400550"/>
            <a:ext cx="4498974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title</a:t>
            </a:r>
            <a:endParaRPr lang="en-GB" dirty="0"/>
          </a:p>
        </p:txBody>
      </p:sp>
      <p:pic>
        <p:nvPicPr>
          <p:cNvPr id="16" name="Logo" descr="A close up of a sign&#10;&#10;Description automatically generated">
            <a:extLst>
              <a:ext uri="{FF2B5EF4-FFF2-40B4-BE49-F238E27FC236}">
                <a16:creationId xmlns:a16="http://schemas.microsoft.com/office/drawing/2014/main" id="{8307AC6A-A2D8-4003-AD92-B4569E9A33F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500"/>
                    </a14:imgEffect>
                    <a14:imgEffect>
                      <a14:saturation sat="0"/>
                    </a14:imgEffect>
                    <a14:imgEffect>
                      <a14:brightnessContrast bright="100000" contras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0825"/>
            <a:ext cx="864709" cy="7560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406725149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standard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5256213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5256213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0" y="2586199"/>
            <a:ext cx="6156325" cy="1640178"/>
          </a:xfrm>
        </p:spPr>
        <p:txBody>
          <a:bodyPr anchor="b"/>
          <a:lstStyle>
            <a:lvl1pPr algn="l">
              <a:defRPr sz="48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r>
              <a:rPr lang="pl-PL" dirty="0" err="1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0" y="4400550"/>
            <a:ext cx="6156325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pl-PL" dirty="0" err="1"/>
              <a:t>Subtitle</a:t>
            </a:r>
            <a:endParaRPr lang="en-GB" dirty="0"/>
          </a:p>
        </p:txBody>
      </p:sp>
      <p:pic>
        <p:nvPicPr>
          <p:cNvPr id="7" name="Logo" descr="A close up of a sign&#10;&#10;Description automatically generated">
            <a:extLst>
              <a:ext uri="{FF2B5EF4-FFF2-40B4-BE49-F238E27FC236}">
                <a16:creationId xmlns:a16="http://schemas.microsoft.com/office/drawing/2014/main" id="{F3389FC3-4F10-42F6-8EB9-F2B5588B7BA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500"/>
                    </a14:imgEffect>
                    <a14:imgEffect>
                      <a14:saturation sat="0"/>
                    </a14:imgEffect>
                    <a14:imgEffect>
                      <a14:brightnessContrast bright="100000" contras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0825"/>
            <a:ext cx="864709" cy="7560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6866157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B006D576-9899-EC79-D9BD-95CAF080E2BF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DA4B2762-C68C-F72A-023B-7CD0690F8F79}"/>
              </a:ext>
            </a:extLst>
          </p:cNvPr>
          <p:cNvSpPr/>
          <p:nvPr userDrawn="1"/>
        </p:nvSpPr>
        <p:spPr>
          <a:xfrm rot="10800000">
            <a:off x="0" y="1545374"/>
            <a:ext cx="9986352" cy="460374"/>
          </a:xfrm>
          <a:prstGeom prst="rect">
            <a:avLst/>
          </a:prstGeom>
          <a:gradFill>
            <a:gsLst>
              <a:gs pos="0">
                <a:schemeClr val="accent1">
                  <a:alpha val="0"/>
                </a:schemeClr>
              </a:gs>
              <a:gs pos="100000">
                <a:schemeClr val="accent1"/>
              </a:gs>
            </a:gsLst>
            <a:lin ang="0" scaled="0"/>
          </a:gra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200" dirty="0">
              <a:solidFill>
                <a:schemeClr val="tx2"/>
              </a:solidFill>
            </a:endParaRPr>
          </a:p>
        </p:txBody>
      </p:sp>
      <p:sp>
        <p:nvSpPr>
          <p:cNvPr id="24" name="Text Placeholder 31">
            <a:extLst>
              <a:ext uri="{FF2B5EF4-FFF2-40B4-BE49-F238E27FC236}">
                <a16:creationId xmlns:a16="http://schemas.microsoft.com/office/drawing/2014/main" id="{420F696D-5104-49EB-8ED9-671B123EDCA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1668462" y="1352227"/>
            <a:ext cx="6156326" cy="816012"/>
          </a:xfrm>
        </p:spPr>
        <p:txBody>
          <a:bodyPr/>
          <a:lstStyle>
            <a:lvl1pPr>
              <a:defRPr sz="5400">
                <a:solidFill>
                  <a:schemeClr val="bg2"/>
                </a:solidFill>
                <a:latin typeface="Chivo Bold" panose="00000800000000000000" pitchFamily="2" charset="0"/>
              </a:defRPr>
            </a:lvl1pPr>
          </a:lstStyle>
          <a:p>
            <a:pPr lvl="0"/>
            <a:r>
              <a:rPr lang="en-US" dirty="0"/>
              <a:t>Content</a:t>
            </a:r>
            <a:endParaRPr lang="pl-PL" dirty="0"/>
          </a:p>
        </p:txBody>
      </p:sp>
      <p:sp>
        <p:nvSpPr>
          <p:cNvPr id="25" name="Text Placeholder 35">
            <a:extLst>
              <a:ext uri="{FF2B5EF4-FFF2-40B4-BE49-F238E27FC236}">
                <a16:creationId xmlns:a16="http://schemas.microsoft.com/office/drawing/2014/main" id="{1F43EC5D-5C8B-4B38-88ED-72DA5743132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1666875" y="2579688"/>
            <a:ext cx="757238" cy="741362"/>
          </a:xfrm>
        </p:spPr>
        <p:txBody>
          <a:bodyPr/>
          <a:lstStyle>
            <a:lvl1pPr algn="r">
              <a:defRPr sz="4800">
                <a:solidFill>
                  <a:schemeClr val="bg2"/>
                </a:solidFill>
                <a:latin typeface="Chivo Black" panose="00000A00000000000000" pitchFamily="2" charset="0"/>
              </a:defRPr>
            </a:lvl1pPr>
          </a:lstStyle>
          <a:p>
            <a:pPr lvl="0"/>
            <a:r>
              <a:rPr lang="en-US" dirty="0"/>
              <a:t>01</a:t>
            </a:r>
            <a:endParaRPr lang="pl-PL" dirty="0"/>
          </a:p>
        </p:txBody>
      </p:sp>
      <p:sp>
        <p:nvSpPr>
          <p:cNvPr id="26" name="Text Placeholder 37">
            <a:extLst>
              <a:ext uri="{FF2B5EF4-FFF2-40B4-BE49-F238E27FC236}">
                <a16:creationId xmlns:a16="http://schemas.microsoft.com/office/drawing/2014/main" id="{9F3F61DE-8038-417F-BFEF-661DDA210E2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566988" y="2696370"/>
            <a:ext cx="1800225" cy="194197"/>
          </a:xfrm>
        </p:spPr>
        <p:txBody>
          <a:bodyPr/>
          <a:lstStyle>
            <a:lvl1pPr>
              <a:defRPr sz="1200">
                <a:solidFill>
                  <a:schemeClr val="bg2"/>
                </a:solidFill>
                <a:latin typeface="Chivo Bold" panose="00000800000000000000" pitchFamily="2" charset="0"/>
              </a:defRPr>
            </a:lvl1pPr>
          </a:lstStyle>
          <a:p>
            <a:pPr lvl="0"/>
            <a:r>
              <a:rPr lang="en-US" dirty="0"/>
              <a:t>Section title</a:t>
            </a:r>
            <a:endParaRPr lang="pl-PL" dirty="0"/>
          </a:p>
        </p:txBody>
      </p:sp>
      <p:sp>
        <p:nvSpPr>
          <p:cNvPr id="27" name="Text Placeholder 39">
            <a:extLst>
              <a:ext uri="{FF2B5EF4-FFF2-40B4-BE49-F238E27FC236}">
                <a16:creationId xmlns:a16="http://schemas.microsoft.com/office/drawing/2014/main" id="{DDBC4C14-0C22-4345-9C62-5C355935DF0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66988" y="2965307"/>
            <a:ext cx="1800225" cy="472426"/>
          </a:xfrm>
        </p:spPr>
        <p:txBody>
          <a:bodyPr/>
          <a:lstStyle>
            <a:lvl1pPr>
              <a:defRPr sz="10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Here you could describe the topic of the section</a:t>
            </a:r>
          </a:p>
        </p:txBody>
      </p:sp>
      <p:sp>
        <p:nvSpPr>
          <p:cNvPr id="28" name="Text Placeholder 35">
            <a:extLst>
              <a:ext uri="{FF2B5EF4-FFF2-40B4-BE49-F238E27FC236}">
                <a16:creationId xmlns:a16="http://schemas.microsoft.com/office/drawing/2014/main" id="{80BFE0E4-07DD-4924-B903-28A1E59689C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666875" y="3472527"/>
            <a:ext cx="757238" cy="741362"/>
          </a:xfrm>
        </p:spPr>
        <p:txBody>
          <a:bodyPr/>
          <a:lstStyle>
            <a:lvl1pPr algn="r">
              <a:defRPr sz="4800">
                <a:solidFill>
                  <a:schemeClr val="bg2"/>
                </a:solidFill>
                <a:latin typeface="Chivo Black" panose="00000A00000000000000" pitchFamily="2" charset="0"/>
              </a:defRPr>
            </a:lvl1pPr>
          </a:lstStyle>
          <a:p>
            <a:pPr lvl="0"/>
            <a:r>
              <a:rPr lang="en-US" dirty="0"/>
              <a:t>02</a:t>
            </a:r>
            <a:endParaRPr lang="pl-PL" dirty="0"/>
          </a:p>
        </p:txBody>
      </p:sp>
      <p:sp>
        <p:nvSpPr>
          <p:cNvPr id="29" name="Text Placeholder 37">
            <a:extLst>
              <a:ext uri="{FF2B5EF4-FFF2-40B4-BE49-F238E27FC236}">
                <a16:creationId xmlns:a16="http://schemas.microsoft.com/office/drawing/2014/main" id="{49613F33-9B80-4736-BD0F-E7AB48AE9AB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566988" y="3589209"/>
            <a:ext cx="1800225" cy="194197"/>
          </a:xfrm>
        </p:spPr>
        <p:txBody>
          <a:bodyPr/>
          <a:lstStyle>
            <a:lvl1pPr>
              <a:defRPr sz="1200">
                <a:solidFill>
                  <a:schemeClr val="bg2"/>
                </a:solidFill>
                <a:latin typeface="Chivo Bold" panose="00000800000000000000" pitchFamily="2" charset="0"/>
              </a:defRPr>
            </a:lvl1pPr>
          </a:lstStyle>
          <a:p>
            <a:pPr lvl="0"/>
            <a:r>
              <a:rPr lang="en-US" dirty="0"/>
              <a:t>Section title</a:t>
            </a:r>
            <a:endParaRPr lang="pl-PL" dirty="0"/>
          </a:p>
        </p:txBody>
      </p:sp>
      <p:sp>
        <p:nvSpPr>
          <p:cNvPr id="30" name="Text Placeholder 39">
            <a:extLst>
              <a:ext uri="{FF2B5EF4-FFF2-40B4-BE49-F238E27FC236}">
                <a16:creationId xmlns:a16="http://schemas.microsoft.com/office/drawing/2014/main" id="{C3CED633-A9BF-4A0C-B652-041CCF3B6AD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566988" y="3858146"/>
            <a:ext cx="1800225" cy="472426"/>
          </a:xfrm>
        </p:spPr>
        <p:txBody>
          <a:bodyPr/>
          <a:lstStyle>
            <a:lvl1pPr>
              <a:defRPr sz="10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Here you could describe the topic of the section</a:t>
            </a:r>
          </a:p>
        </p:txBody>
      </p:sp>
      <p:sp>
        <p:nvSpPr>
          <p:cNvPr id="31" name="Text Placeholder 35">
            <a:extLst>
              <a:ext uri="{FF2B5EF4-FFF2-40B4-BE49-F238E27FC236}">
                <a16:creationId xmlns:a16="http://schemas.microsoft.com/office/drawing/2014/main" id="{DF120B94-FE72-4C9C-89FF-770B14BF1D8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666875" y="4409449"/>
            <a:ext cx="757238" cy="741362"/>
          </a:xfrm>
        </p:spPr>
        <p:txBody>
          <a:bodyPr/>
          <a:lstStyle>
            <a:lvl1pPr algn="r">
              <a:defRPr sz="4800">
                <a:solidFill>
                  <a:schemeClr val="bg2"/>
                </a:solidFill>
                <a:latin typeface="Chivo Black" panose="00000A00000000000000" pitchFamily="2" charset="0"/>
              </a:defRPr>
            </a:lvl1pPr>
          </a:lstStyle>
          <a:p>
            <a:pPr lvl="0"/>
            <a:r>
              <a:rPr lang="en-US" dirty="0"/>
              <a:t>03</a:t>
            </a:r>
            <a:endParaRPr lang="pl-PL" dirty="0"/>
          </a:p>
        </p:txBody>
      </p:sp>
      <p:sp>
        <p:nvSpPr>
          <p:cNvPr id="32" name="Text Placeholder 37">
            <a:extLst>
              <a:ext uri="{FF2B5EF4-FFF2-40B4-BE49-F238E27FC236}">
                <a16:creationId xmlns:a16="http://schemas.microsoft.com/office/drawing/2014/main" id="{D42492A7-79FA-4222-97BA-DC88898EAF0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566988" y="4526131"/>
            <a:ext cx="1800225" cy="194197"/>
          </a:xfrm>
        </p:spPr>
        <p:txBody>
          <a:bodyPr/>
          <a:lstStyle>
            <a:lvl1pPr>
              <a:defRPr sz="1200">
                <a:solidFill>
                  <a:schemeClr val="bg2"/>
                </a:solidFill>
                <a:latin typeface="Chivo Bold" panose="00000800000000000000" pitchFamily="2" charset="0"/>
              </a:defRPr>
            </a:lvl1pPr>
          </a:lstStyle>
          <a:p>
            <a:pPr lvl="0"/>
            <a:r>
              <a:rPr lang="en-US" dirty="0"/>
              <a:t>Section title</a:t>
            </a:r>
            <a:endParaRPr lang="pl-PL" dirty="0"/>
          </a:p>
        </p:txBody>
      </p:sp>
      <p:sp>
        <p:nvSpPr>
          <p:cNvPr id="33" name="Text Placeholder 39">
            <a:extLst>
              <a:ext uri="{FF2B5EF4-FFF2-40B4-BE49-F238E27FC236}">
                <a16:creationId xmlns:a16="http://schemas.microsoft.com/office/drawing/2014/main" id="{61DF7D40-1ACA-4349-967E-FC9C4099AAE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566988" y="4795068"/>
            <a:ext cx="1800225" cy="472426"/>
          </a:xfrm>
        </p:spPr>
        <p:txBody>
          <a:bodyPr/>
          <a:lstStyle>
            <a:lvl1pPr>
              <a:defRPr sz="10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Here you could describe the topic of the section</a:t>
            </a:r>
          </a:p>
        </p:txBody>
      </p:sp>
      <p:sp>
        <p:nvSpPr>
          <p:cNvPr id="34" name="Text Placeholder 35">
            <a:extLst>
              <a:ext uri="{FF2B5EF4-FFF2-40B4-BE49-F238E27FC236}">
                <a16:creationId xmlns:a16="http://schemas.microsoft.com/office/drawing/2014/main" id="{9D679755-9F41-4479-A9E3-7C1F347A3E3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124450" y="2579688"/>
            <a:ext cx="757238" cy="741362"/>
          </a:xfrm>
        </p:spPr>
        <p:txBody>
          <a:bodyPr/>
          <a:lstStyle>
            <a:lvl1pPr algn="r">
              <a:defRPr sz="4800">
                <a:solidFill>
                  <a:schemeClr val="bg2"/>
                </a:solidFill>
                <a:latin typeface="Chivo Black" panose="00000A00000000000000" pitchFamily="2" charset="0"/>
              </a:defRPr>
            </a:lvl1pPr>
          </a:lstStyle>
          <a:p>
            <a:pPr lvl="0"/>
            <a:r>
              <a:rPr lang="en-US" dirty="0"/>
              <a:t>04</a:t>
            </a:r>
            <a:endParaRPr lang="pl-PL" dirty="0"/>
          </a:p>
        </p:txBody>
      </p:sp>
      <p:sp>
        <p:nvSpPr>
          <p:cNvPr id="35" name="Text Placeholder 37">
            <a:extLst>
              <a:ext uri="{FF2B5EF4-FFF2-40B4-BE49-F238E27FC236}">
                <a16:creationId xmlns:a16="http://schemas.microsoft.com/office/drawing/2014/main" id="{EB061EBE-14F5-41A4-9395-2E7315817B3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024563" y="2696370"/>
            <a:ext cx="1800225" cy="194197"/>
          </a:xfrm>
        </p:spPr>
        <p:txBody>
          <a:bodyPr/>
          <a:lstStyle>
            <a:lvl1pPr>
              <a:defRPr sz="1200">
                <a:solidFill>
                  <a:schemeClr val="bg2"/>
                </a:solidFill>
                <a:latin typeface="Chivo Bold" panose="00000800000000000000" pitchFamily="2" charset="0"/>
              </a:defRPr>
            </a:lvl1pPr>
          </a:lstStyle>
          <a:p>
            <a:pPr lvl="0"/>
            <a:r>
              <a:rPr lang="en-US" dirty="0"/>
              <a:t>Section title</a:t>
            </a:r>
            <a:endParaRPr lang="pl-PL" dirty="0"/>
          </a:p>
        </p:txBody>
      </p:sp>
      <p:sp>
        <p:nvSpPr>
          <p:cNvPr id="37" name="Text Placeholder 39">
            <a:extLst>
              <a:ext uri="{FF2B5EF4-FFF2-40B4-BE49-F238E27FC236}">
                <a16:creationId xmlns:a16="http://schemas.microsoft.com/office/drawing/2014/main" id="{13A1C3B3-6477-460D-8E83-C4FB30AA9308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024563" y="2965307"/>
            <a:ext cx="1800225" cy="472426"/>
          </a:xfrm>
        </p:spPr>
        <p:txBody>
          <a:bodyPr/>
          <a:lstStyle>
            <a:lvl1pPr>
              <a:defRPr sz="10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Here you could describe the topic of the section</a:t>
            </a:r>
          </a:p>
        </p:txBody>
      </p:sp>
      <p:sp>
        <p:nvSpPr>
          <p:cNvPr id="39" name="Text Placeholder 35">
            <a:extLst>
              <a:ext uri="{FF2B5EF4-FFF2-40B4-BE49-F238E27FC236}">
                <a16:creationId xmlns:a16="http://schemas.microsoft.com/office/drawing/2014/main" id="{57E074E2-0DE3-470C-ACBE-7CD68C1F99B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24450" y="3472527"/>
            <a:ext cx="757238" cy="741362"/>
          </a:xfrm>
        </p:spPr>
        <p:txBody>
          <a:bodyPr/>
          <a:lstStyle>
            <a:lvl1pPr algn="r">
              <a:defRPr sz="4800">
                <a:solidFill>
                  <a:schemeClr val="bg2"/>
                </a:solidFill>
                <a:latin typeface="Chivo Black" panose="00000A00000000000000" pitchFamily="2" charset="0"/>
              </a:defRPr>
            </a:lvl1pPr>
          </a:lstStyle>
          <a:p>
            <a:pPr lvl="0"/>
            <a:r>
              <a:rPr lang="en-US" dirty="0"/>
              <a:t>05</a:t>
            </a:r>
            <a:endParaRPr lang="pl-PL" dirty="0"/>
          </a:p>
        </p:txBody>
      </p:sp>
      <p:sp>
        <p:nvSpPr>
          <p:cNvPr id="56" name="Text Placeholder 37">
            <a:extLst>
              <a:ext uri="{FF2B5EF4-FFF2-40B4-BE49-F238E27FC236}">
                <a16:creationId xmlns:a16="http://schemas.microsoft.com/office/drawing/2014/main" id="{110CE9DC-F288-4838-BE8E-CCF37F3AA8E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024563" y="3589209"/>
            <a:ext cx="1800225" cy="194197"/>
          </a:xfrm>
        </p:spPr>
        <p:txBody>
          <a:bodyPr/>
          <a:lstStyle>
            <a:lvl1pPr>
              <a:defRPr sz="1200">
                <a:solidFill>
                  <a:schemeClr val="bg2"/>
                </a:solidFill>
                <a:latin typeface="Chivo Bold" panose="00000800000000000000" pitchFamily="2" charset="0"/>
              </a:defRPr>
            </a:lvl1pPr>
          </a:lstStyle>
          <a:p>
            <a:pPr lvl="0"/>
            <a:r>
              <a:rPr lang="en-US" dirty="0"/>
              <a:t>Section title</a:t>
            </a:r>
            <a:endParaRPr lang="pl-PL" dirty="0"/>
          </a:p>
        </p:txBody>
      </p:sp>
      <p:sp>
        <p:nvSpPr>
          <p:cNvPr id="57" name="Text Placeholder 39">
            <a:extLst>
              <a:ext uri="{FF2B5EF4-FFF2-40B4-BE49-F238E27FC236}">
                <a16:creationId xmlns:a16="http://schemas.microsoft.com/office/drawing/2014/main" id="{4E9FEAC8-1C0E-47A0-AE24-1729B02A487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024563" y="3858146"/>
            <a:ext cx="1800225" cy="472426"/>
          </a:xfrm>
        </p:spPr>
        <p:txBody>
          <a:bodyPr/>
          <a:lstStyle>
            <a:lvl1pPr>
              <a:defRPr sz="10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Here you could describe the topic of the section</a:t>
            </a:r>
          </a:p>
        </p:txBody>
      </p:sp>
      <p:sp>
        <p:nvSpPr>
          <p:cNvPr id="58" name="Text Placeholder 35">
            <a:extLst>
              <a:ext uri="{FF2B5EF4-FFF2-40B4-BE49-F238E27FC236}">
                <a16:creationId xmlns:a16="http://schemas.microsoft.com/office/drawing/2014/main" id="{FDDB9E81-4DF8-4DAB-864A-1E724D4E6B97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5124450" y="4409449"/>
            <a:ext cx="757238" cy="741362"/>
          </a:xfrm>
        </p:spPr>
        <p:txBody>
          <a:bodyPr/>
          <a:lstStyle>
            <a:lvl1pPr algn="r">
              <a:defRPr sz="4800">
                <a:solidFill>
                  <a:schemeClr val="bg2"/>
                </a:solidFill>
                <a:latin typeface="Chivo Black" panose="00000A00000000000000" pitchFamily="2" charset="0"/>
              </a:defRPr>
            </a:lvl1pPr>
          </a:lstStyle>
          <a:p>
            <a:pPr lvl="0"/>
            <a:r>
              <a:rPr lang="en-US" dirty="0"/>
              <a:t>06</a:t>
            </a:r>
            <a:endParaRPr lang="pl-PL" dirty="0"/>
          </a:p>
        </p:txBody>
      </p:sp>
      <p:sp>
        <p:nvSpPr>
          <p:cNvPr id="59" name="Text Placeholder 37">
            <a:extLst>
              <a:ext uri="{FF2B5EF4-FFF2-40B4-BE49-F238E27FC236}">
                <a16:creationId xmlns:a16="http://schemas.microsoft.com/office/drawing/2014/main" id="{FB3CB868-EE7E-40F7-AA0D-F25D44869715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24563" y="4526131"/>
            <a:ext cx="1800225" cy="194197"/>
          </a:xfrm>
        </p:spPr>
        <p:txBody>
          <a:bodyPr/>
          <a:lstStyle>
            <a:lvl1pPr>
              <a:defRPr sz="1200">
                <a:solidFill>
                  <a:schemeClr val="bg2"/>
                </a:solidFill>
                <a:latin typeface="Chivo Bold" panose="00000800000000000000" pitchFamily="2" charset="0"/>
              </a:defRPr>
            </a:lvl1pPr>
          </a:lstStyle>
          <a:p>
            <a:pPr lvl="0"/>
            <a:r>
              <a:rPr lang="en-US" dirty="0"/>
              <a:t>Section title</a:t>
            </a:r>
            <a:endParaRPr lang="pl-PL" dirty="0"/>
          </a:p>
        </p:txBody>
      </p:sp>
      <p:sp>
        <p:nvSpPr>
          <p:cNvPr id="60" name="Text Placeholder 39">
            <a:extLst>
              <a:ext uri="{FF2B5EF4-FFF2-40B4-BE49-F238E27FC236}">
                <a16:creationId xmlns:a16="http://schemas.microsoft.com/office/drawing/2014/main" id="{7F9FF548-CA4F-4E9E-B00E-A8C0900C859C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024563" y="4795068"/>
            <a:ext cx="1800225" cy="472426"/>
          </a:xfrm>
        </p:spPr>
        <p:txBody>
          <a:bodyPr/>
          <a:lstStyle>
            <a:lvl1pPr>
              <a:defRPr sz="10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Here you could describe the topic of the section</a:t>
            </a:r>
          </a:p>
        </p:txBody>
      </p:sp>
    </p:spTree>
    <p:extLst>
      <p:ext uri="{BB962C8B-B14F-4D97-AF65-F5344CB8AC3E}">
        <p14:creationId xmlns:p14="http://schemas.microsoft.com/office/powerpoint/2010/main" val="271813359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parator">
    <p:bg>
      <p:bgPr>
        <a:blipFill>
          <a:blip r:embed="rId2"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3D773AD6-7E87-5AFE-E164-D1C944D22015}"/>
              </a:ext>
            </a:extLst>
          </p:cNvPr>
          <p:cNvSpPr/>
          <p:nvPr userDrawn="1"/>
        </p:nvSpPr>
        <p:spPr>
          <a:xfrm>
            <a:off x="0" y="2584451"/>
            <a:ext cx="4089862" cy="1146968"/>
          </a:xfrm>
          <a:prstGeom prst="rect">
            <a:avLst/>
          </a:prstGeom>
          <a:gradFill>
            <a:gsLst>
              <a:gs pos="99115">
                <a:schemeClr val="accent1">
                  <a:alpha val="0"/>
                </a:schemeClr>
              </a:gs>
              <a:gs pos="0">
                <a:schemeClr val="accent1">
                  <a:alpha val="0"/>
                </a:schemeClr>
              </a:gs>
              <a:gs pos="77000">
                <a:schemeClr val="accent1"/>
              </a:gs>
            </a:gsLst>
            <a:lin ang="0" scaled="0"/>
          </a:gra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200" dirty="0">
              <a:solidFill>
                <a:schemeClr val="tx2"/>
              </a:solidFill>
            </a:endParaRPr>
          </a:p>
        </p:txBody>
      </p:sp>
      <p:sp>
        <p:nvSpPr>
          <p:cNvPr id="4" name="Text Placeholder 9">
            <a:extLst>
              <a:ext uri="{FF2B5EF4-FFF2-40B4-BE49-F238E27FC236}">
                <a16:creationId xmlns:a16="http://schemas.microsoft.com/office/drawing/2014/main" id="{C2CE2F90-9491-48E0-B463-67652225790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81059" y="2094721"/>
            <a:ext cx="2688645" cy="2000548"/>
          </a:xfrm>
        </p:spPr>
        <p:txBody>
          <a:bodyPr/>
          <a:lstStyle>
            <a:lvl1pPr>
              <a:defRPr sz="13000">
                <a:solidFill>
                  <a:schemeClr val="bg2"/>
                </a:solidFill>
                <a:latin typeface="Chivo Black" panose="00000A00000000000000" pitchFamily="2" charset="0"/>
              </a:defRPr>
            </a:lvl1pPr>
          </a:lstStyle>
          <a:p>
            <a:pPr lvl="0"/>
            <a:r>
              <a:rPr lang="pl-PL" dirty="0"/>
              <a:t>01</a:t>
            </a:r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9708D39C-BF97-4AD5-BB18-00530C82B33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572832" y="4109555"/>
            <a:ext cx="5388983" cy="394667"/>
          </a:xfrm>
        </p:spPr>
        <p:txBody>
          <a:bodyPr anchor="t"/>
          <a:lstStyle>
            <a:lvl1pPr algn="l">
              <a:defRPr sz="28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4FB701B8-147E-4C09-B482-43B110862A72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2572832" y="4691039"/>
            <a:ext cx="5388984" cy="749674"/>
          </a:xfrm>
        </p:spPr>
        <p:txBody>
          <a:bodyPr/>
          <a:lstStyle>
            <a:lvl1pPr marL="0" indent="0">
              <a:buNone/>
              <a:defRPr sz="1600">
                <a:solidFill>
                  <a:schemeClr val="bg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0966642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parator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3D773AD6-7E87-5AFE-E164-D1C944D22015}"/>
              </a:ext>
            </a:extLst>
          </p:cNvPr>
          <p:cNvSpPr/>
          <p:nvPr userDrawn="1"/>
        </p:nvSpPr>
        <p:spPr>
          <a:xfrm rot="10800000">
            <a:off x="7824788" y="2584450"/>
            <a:ext cx="4089862" cy="1149349"/>
          </a:xfrm>
          <a:prstGeom prst="rect">
            <a:avLst/>
          </a:prstGeom>
          <a:gradFill>
            <a:gsLst>
              <a:gs pos="99115">
                <a:schemeClr val="accent1">
                  <a:alpha val="0"/>
                </a:schemeClr>
              </a:gs>
              <a:gs pos="0">
                <a:schemeClr val="accent1">
                  <a:alpha val="0"/>
                </a:schemeClr>
              </a:gs>
              <a:gs pos="77000">
                <a:schemeClr val="accent1"/>
              </a:gs>
            </a:gsLst>
            <a:lin ang="0" scaled="0"/>
          </a:gra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200" dirty="0">
              <a:solidFill>
                <a:schemeClr val="tx2"/>
              </a:solidFill>
            </a:endParaRP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9708D39C-BF97-4AD5-BB18-00530C82B33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224337" y="4109555"/>
            <a:ext cx="5388983" cy="394667"/>
          </a:xfrm>
        </p:spPr>
        <p:txBody>
          <a:bodyPr anchor="t"/>
          <a:lstStyle>
            <a:lvl1pPr algn="r">
              <a:defRPr sz="28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4FB701B8-147E-4C09-B482-43B110862A72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224336" y="4691039"/>
            <a:ext cx="5388984" cy="749674"/>
          </a:xfrm>
        </p:spPr>
        <p:txBody>
          <a:bodyPr/>
          <a:lstStyle>
            <a:lvl1pPr marL="0" indent="0" algn="r">
              <a:buNone/>
              <a:defRPr sz="1600">
                <a:solidFill>
                  <a:schemeClr val="bg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" name="Text Placeholder 9">
            <a:extLst>
              <a:ext uri="{FF2B5EF4-FFF2-40B4-BE49-F238E27FC236}">
                <a16:creationId xmlns:a16="http://schemas.microsoft.com/office/drawing/2014/main" id="{7D625D55-CA78-DFA9-6009-6C8043196F4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924675" y="2094721"/>
            <a:ext cx="2688645" cy="2070760"/>
          </a:xfrm>
        </p:spPr>
        <p:txBody>
          <a:bodyPr/>
          <a:lstStyle>
            <a:lvl1pPr algn="r">
              <a:defRPr sz="13000">
                <a:solidFill>
                  <a:schemeClr val="bg2"/>
                </a:solidFill>
                <a:latin typeface="Chivo Black" panose="00000A00000000000000" pitchFamily="2" charset="0"/>
              </a:defRPr>
            </a:lvl1pPr>
          </a:lstStyle>
          <a:p>
            <a:pPr lvl="0"/>
            <a:r>
              <a:rPr lang="pl-PL" dirty="0"/>
              <a:t>01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848576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parator 3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E83CABB2-B3D0-455F-B434-616431ABC550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 bwMode="auto">
          <a:xfrm>
            <a:off x="6176963" y="9525"/>
            <a:ext cx="6024562" cy="6858000"/>
          </a:xfrm>
          <a:custGeom>
            <a:avLst/>
            <a:gdLst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4562 w 6024562"/>
              <a:gd name="connsiteY3" fmla="*/ 5853886 h 6858000"/>
              <a:gd name="connsiteX4" fmla="*/ 5020448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6858000 h 6858000"/>
              <a:gd name="connsiteX7" fmla="*/ 0 w 6024562"/>
              <a:gd name="connsiteY7" fmla="*/ 1004114 h 6858000"/>
              <a:gd name="connsiteX8" fmla="*/ 1004114 w 6024562"/>
              <a:gd name="connsiteY8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4562 w 6024562"/>
              <a:gd name="connsiteY3" fmla="*/ 5853886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024562"/>
              <a:gd name="connsiteY0" fmla="*/ 0 h 7305797"/>
              <a:gd name="connsiteX1" fmla="*/ 6024562 w 6024562"/>
              <a:gd name="connsiteY1" fmla="*/ 0 h 7305797"/>
              <a:gd name="connsiteX2" fmla="*/ 6024562 w 6024562"/>
              <a:gd name="connsiteY2" fmla="*/ 0 h 7305797"/>
              <a:gd name="connsiteX3" fmla="*/ 6019366 w 6024562"/>
              <a:gd name="connsiteY3" fmla="*/ 6825436 h 7305797"/>
              <a:gd name="connsiteX4" fmla="*/ 0 w 6024562"/>
              <a:gd name="connsiteY4" fmla="*/ 6858000 h 7305797"/>
              <a:gd name="connsiteX5" fmla="*/ 0 w 6024562"/>
              <a:gd name="connsiteY5" fmla="*/ 6858000 h 7305797"/>
              <a:gd name="connsiteX6" fmla="*/ 0 w 6024562"/>
              <a:gd name="connsiteY6" fmla="*/ 1004114 h 7305797"/>
              <a:gd name="connsiteX7" fmla="*/ 1004114 w 6024562"/>
              <a:gd name="connsiteY7" fmla="*/ 0 h 7305797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19366 w 6024562"/>
              <a:gd name="connsiteY3" fmla="*/ 6825436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19366 w 6024562"/>
              <a:gd name="connsiteY3" fmla="*/ 6825436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1597 w 6024562"/>
              <a:gd name="connsiteY3" fmla="*/ 6852199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698433"/>
              <a:gd name="connsiteY0" fmla="*/ 0 h 6858000"/>
              <a:gd name="connsiteX1" fmla="*/ 6024562 w 6698433"/>
              <a:gd name="connsiteY1" fmla="*/ 0 h 6858000"/>
              <a:gd name="connsiteX2" fmla="*/ 6024562 w 6698433"/>
              <a:gd name="connsiteY2" fmla="*/ 0 h 6858000"/>
              <a:gd name="connsiteX3" fmla="*/ 6021597 w 6698433"/>
              <a:gd name="connsiteY3" fmla="*/ 6852199 h 6858000"/>
              <a:gd name="connsiteX4" fmla="*/ 0 w 6698433"/>
              <a:gd name="connsiteY4" fmla="*/ 6858000 h 6858000"/>
              <a:gd name="connsiteX5" fmla="*/ 0 w 6698433"/>
              <a:gd name="connsiteY5" fmla="*/ 6858000 h 6858000"/>
              <a:gd name="connsiteX6" fmla="*/ 0 w 6698433"/>
              <a:gd name="connsiteY6" fmla="*/ 1004114 h 6858000"/>
              <a:gd name="connsiteX7" fmla="*/ 1004114 w 6698433"/>
              <a:gd name="connsiteY7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1597 w 6024562"/>
              <a:gd name="connsiteY3" fmla="*/ 6852199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24562" h="6858000">
                <a:moveTo>
                  <a:pt x="1004114" y="0"/>
                </a:moveTo>
                <a:lnTo>
                  <a:pt x="6024562" y="0"/>
                </a:lnTo>
                <a:lnTo>
                  <a:pt x="6024562" y="0"/>
                </a:lnTo>
                <a:cubicBezTo>
                  <a:pt x="6024068" y="1142033"/>
                  <a:pt x="6023079" y="3426099"/>
                  <a:pt x="6021597" y="6852199"/>
                </a:cubicBezTo>
                <a:lnTo>
                  <a:pt x="0" y="6858000"/>
                </a:lnTo>
                <a:lnTo>
                  <a:pt x="0" y="6858000"/>
                </a:lnTo>
                <a:lnTo>
                  <a:pt x="0" y="1004114"/>
                </a:lnTo>
                <a:cubicBezTo>
                  <a:pt x="0" y="449557"/>
                  <a:pt x="449557" y="0"/>
                  <a:pt x="1004114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anchor="ctr">
            <a:normAutofit/>
          </a:bodyPr>
          <a:lstStyle>
            <a:lvl1pPr algn="ctr"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Your picture </a:t>
            </a:r>
            <a:r>
              <a:rPr lang="pl-PL" dirty="0"/>
              <a:t>g</a:t>
            </a:r>
            <a:r>
              <a:rPr lang="en-US" dirty="0" err="1"/>
              <a:t>oes</a:t>
            </a:r>
            <a:r>
              <a:rPr lang="en-US" dirty="0"/>
              <a:t> here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7F16A51A-74D3-D5C1-42FF-C76C940C3D6A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tx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5428F889-FD59-4151-8F8C-2E810FBC6CD8}"/>
              </a:ext>
            </a:extLst>
          </p:cNvPr>
          <p:cNvSpPr/>
          <p:nvPr userDrawn="1"/>
        </p:nvSpPr>
        <p:spPr>
          <a:xfrm>
            <a:off x="-1" y="2579688"/>
            <a:ext cx="2300591" cy="1149350"/>
          </a:xfrm>
          <a:prstGeom prst="rect">
            <a:avLst/>
          </a:prstGeom>
          <a:gradFill>
            <a:gsLst>
              <a:gs pos="99115">
                <a:schemeClr val="accent1">
                  <a:alpha val="0"/>
                </a:schemeClr>
              </a:gs>
              <a:gs pos="0">
                <a:schemeClr val="accent1">
                  <a:alpha val="0"/>
                </a:schemeClr>
              </a:gs>
              <a:gs pos="62000">
                <a:schemeClr val="accent1"/>
              </a:gs>
            </a:gsLst>
            <a:lin ang="0" scaled="0"/>
          </a:gra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200" dirty="0">
              <a:solidFill>
                <a:schemeClr val="tx2"/>
              </a:solidFill>
            </a:endParaRP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00A2997C-99B4-4D83-80D0-1E5188E2BE7E}"/>
              </a:ext>
            </a:extLst>
          </p:cNvPr>
          <p:cNvSpPr>
            <a:spLocks noGrp="1"/>
          </p:cNvSpPr>
          <p:nvPr>
            <p:ph type="body" sz="half" idx="13" hasCustomPrompt="1"/>
          </p:nvPr>
        </p:nvSpPr>
        <p:spPr>
          <a:xfrm>
            <a:off x="772608" y="4686276"/>
            <a:ext cx="4351339" cy="749674"/>
          </a:xfrm>
        </p:spPr>
        <p:txBody>
          <a:bodyPr/>
          <a:lstStyle>
            <a:lvl1pPr marL="0" indent="0">
              <a:buNone/>
              <a:defRPr sz="1600">
                <a:solidFill>
                  <a:schemeClr val="bg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F9326E81-696B-4492-973B-8EFD3DB88F5D}"/>
              </a:ext>
            </a:extLst>
          </p:cNvPr>
          <p:cNvSpPr>
            <a:spLocks noGrp="1"/>
          </p:cNvSpPr>
          <p:nvPr>
            <p:ph type="body" sz="half" idx="14" hasCustomPrompt="1"/>
          </p:nvPr>
        </p:nvSpPr>
        <p:spPr>
          <a:xfrm>
            <a:off x="773111" y="4104792"/>
            <a:ext cx="4351339" cy="581484"/>
          </a:xfrm>
        </p:spPr>
        <p:txBody>
          <a:bodyPr/>
          <a:lstStyle>
            <a:lvl1pPr marL="0" indent="0">
              <a:buNone/>
              <a:defRPr sz="2800">
                <a:solidFill>
                  <a:schemeClr val="bg2"/>
                </a:solidFill>
                <a:latin typeface="Chivo Bold" panose="00000500000000000000" pitchFamily="2" charset="0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text</a:t>
            </a:r>
          </a:p>
        </p:txBody>
      </p:sp>
      <p:sp>
        <p:nvSpPr>
          <p:cNvPr id="2" name="Text Placeholder 9">
            <a:extLst>
              <a:ext uri="{FF2B5EF4-FFF2-40B4-BE49-F238E27FC236}">
                <a16:creationId xmlns:a16="http://schemas.microsoft.com/office/drawing/2014/main" id="{A92825D7-FD07-F8F5-D927-407CB4A06CC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73111" y="2094721"/>
            <a:ext cx="2688645" cy="2000548"/>
          </a:xfrm>
        </p:spPr>
        <p:txBody>
          <a:bodyPr/>
          <a:lstStyle>
            <a:lvl1pPr>
              <a:defRPr sz="13000">
                <a:solidFill>
                  <a:schemeClr val="bg2"/>
                </a:solidFill>
                <a:latin typeface="Chivo Black" panose="00000A00000000000000" pitchFamily="2" charset="0"/>
              </a:defRPr>
            </a:lvl1pPr>
          </a:lstStyle>
          <a:p>
            <a:pPr lvl="0"/>
            <a:r>
              <a:rPr lang="pl-PL" dirty="0"/>
              <a:t>01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5379063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: clear text - background #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81B9E3E-4E54-4E68-B29F-0FD5B84CC70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68350" y="780707"/>
            <a:ext cx="4356100" cy="1111779"/>
          </a:xfrm>
          <a:noFill/>
          <a:ln>
            <a:noFill/>
          </a:ln>
        </p:spPr>
        <p:txBody>
          <a:bodyPr wrap="square">
            <a:spAutoFit/>
          </a:bodyPr>
          <a:lstStyle>
            <a:lvl1pPr>
              <a:lnSpc>
                <a:spcPct val="110000"/>
              </a:lnSpc>
              <a:defRPr sz="1200"/>
            </a:lvl1pPr>
            <a:lvl2pPr marL="628650" indent="-171450">
              <a:lnSpc>
                <a:spcPct val="110000"/>
              </a:lnSpc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2pPr>
            <a:lvl3pPr marL="1085850" indent="-171450">
              <a:lnSpc>
                <a:spcPct val="110000"/>
              </a:lnSpc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3pPr>
            <a:lvl4pPr marL="1543050" indent="-171450">
              <a:lnSpc>
                <a:spcPct val="110000"/>
              </a:lnSpc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4pPr>
            <a:lvl5pPr>
              <a:lnSpc>
                <a:spcPct val="110000"/>
              </a:lnSpc>
              <a:buClr>
                <a:schemeClr val="accent1"/>
              </a:buCl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Slide Number Placeholder 115">
            <a:extLst>
              <a:ext uri="{FF2B5EF4-FFF2-40B4-BE49-F238E27FC236}">
                <a16:creationId xmlns:a16="http://schemas.microsoft.com/office/drawing/2014/main" id="{5B338FCE-CA03-D6FC-4069-686025E22DA6}"/>
              </a:ext>
            </a:extLst>
          </p:cNvPr>
          <p:cNvSpPr txBox="1">
            <a:spLocks/>
          </p:cNvSpPr>
          <p:nvPr userDrawn="1"/>
        </p:nvSpPr>
        <p:spPr>
          <a:xfrm>
            <a:off x="11180252" y="6418221"/>
            <a:ext cx="243398" cy="140861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da-DK"/>
            </a:defPPr>
            <a:lvl1pPr algn="r" rtl="0" eaLnBrk="1" fontAlgn="auto" hangingPunct="1">
              <a:spcBef>
                <a:spcPts val="0"/>
              </a:spcBef>
              <a:spcAft>
                <a:spcPts val="0"/>
              </a:spcAft>
              <a:defRPr sz="800" kern="1200">
                <a:solidFill>
                  <a:schemeClr val="tx1"/>
                </a:solidFill>
                <a:latin typeface="Chivo" panose="00000500000000000000" pitchFamily="2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9pPr>
          </a:lstStyle>
          <a:p>
            <a:fld id="{CA93BC64-972C-4131-9F6D-6E1E833245B1}" type="slidenum">
              <a:rPr lang="en-GB" sz="650" smtClean="0">
                <a:solidFill>
                  <a:schemeClr val="tx2"/>
                </a:solidFill>
              </a:rPr>
              <a:pPr/>
              <a:t>‹#›</a:t>
            </a:fld>
            <a:endParaRPr lang="en-GB" sz="650" dirty="0">
              <a:solidFill>
                <a:schemeClr val="tx2"/>
              </a:solidFill>
            </a:endParaRP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A24B4685-B237-8F98-29DE-655669D28C8E}"/>
              </a:ext>
            </a:extLst>
          </p:cNvPr>
          <p:cNvSpPr txBox="1">
            <a:spLocks/>
          </p:cNvSpPr>
          <p:nvPr userDrawn="1"/>
        </p:nvSpPr>
        <p:spPr>
          <a:xfrm>
            <a:off x="768349" y="6418222"/>
            <a:ext cx="4354747" cy="14086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da-DK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sz="700" kern="1200">
                <a:solidFill>
                  <a:schemeClr val="tx2"/>
                </a:solidFill>
                <a:latin typeface="Chivo" panose="00000500000000000000" pitchFamily="2" charset="0"/>
                <a:ea typeface="+mn-ea"/>
                <a:cs typeface="Arial" panose="020B0604020202020204" pitchFamily="34" charset="0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9pPr>
          </a:lstStyle>
          <a:p>
            <a:pPr>
              <a:spcBef>
                <a:spcPts val="0"/>
              </a:spcBef>
              <a:buSzPct val="100000"/>
            </a:pPr>
            <a:r>
              <a:rPr lang="en-US" sz="650" dirty="0">
                <a:solidFill>
                  <a:schemeClr val="tx2"/>
                </a:solidFill>
                <a:latin typeface="Chivo" panose="00000500000000000000" pitchFamily="2" charset="0"/>
              </a:rPr>
              <a:t>Copyright © </a:t>
            </a:r>
            <a:r>
              <a:rPr lang="pl-PL" sz="650" dirty="0">
                <a:solidFill>
                  <a:schemeClr val="tx2"/>
                </a:solidFill>
                <a:latin typeface="Chivo" panose="00000500000000000000" pitchFamily="2" charset="0"/>
              </a:rPr>
              <a:t>7N</a:t>
            </a:r>
            <a:endParaRPr lang="en-US" sz="650" dirty="0">
              <a:solidFill>
                <a:schemeClr val="tx2"/>
              </a:solidFill>
              <a:latin typeface="Chivo" panose="00000500000000000000" pitchFamily="2" charset="0"/>
            </a:endParaRPr>
          </a:p>
        </p:txBody>
      </p:sp>
      <p:pic>
        <p:nvPicPr>
          <p:cNvPr id="4" name="Picture 3" descr="A close up of a sign&#10;&#10;Description automatically generated">
            <a:extLst>
              <a:ext uri="{FF2B5EF4-FFF2-40B4-BE49-F238E27FC236}">
                <a16:creationId xmlns:a16="http://schemas.microsoft.com/office/drawing/2014/main" id="{686C6504-C820-FD79-E76F-D30F8ED9A50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423650" y="432265"/>
            <a:ext cx="388044" cy="3392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335349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clear text - background #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6980CA50-C80F-D115-EC47-E49CF2BCA459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  <p:sp>
        <p:nvSpPr>
          <p:cNvPr id="2" name="Text Placeholder 4">
            <a:extLst>
              <a:ext uri="{FF2B5EF4-FFF2-40B4-BE49-F238E27FC236}">
                <a16:creationId xmlns:a16="http://schemas.microsoft.com/office/drawing/2014/main" id="{88323F7A-DD06-E9E8-5001-5A27330360A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68350" y="780707"/>
            <a:ext cx="4356100" cy="1111779"/>
          </a:xfrm>
          <a:noFill/>
          <a:ln>
            <a:noFill/>
          </a:ln>
        </p:spPr>
        <p:txBody>
          <a:bodyPr wrap="square">
            <a:spAutoFit/>
          </a:bodyPr>
          <a:lstStyle>
            <a:lvl1pPr>
              <a:lnSpc>
                <a:spcPct val="110000"/>
              </a:lnSpc>
              <a:defRPr sz="1200"/>
            </a:lvl1pPr>
            <a:lvl2pPr marL="628650" indent="-171450">
              <a:lnSpc>
                <a:spcPct val="110000"/>
              </a:lnSpc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2pPr>
            <a:lvl3pPr marL="1085850" indent="-171450">
              <a:lnSpc>
                <a:spcPct val="110000"/>
              </a:lnSpc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3pPr>
            <a:lvl4pPr marL="1543050" indent="-171450">
              <a:lnSpc>
                <a:spcPct val="110000"/>
              </a:lnSpc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4pPr>
            <a:lvl5pPr>
              <a:lnSpc>
                <a:spcPct val="110000"/>
              </a:lnSpc>
              <a:buClr>
                <a:schemeClr val="accent1"/>
              </a:buCl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15344069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lide: blank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F11A011-40D5-48EA-AA24-AB6A71BE54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350" y="771525"/>
            <a:ext cx="7056437" cy="427505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126930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empty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F11A011-40D5-48EA-AA24-AB6A71BE54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350" y="771525"/>
            <a:ext cx="7056437" cy="427505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34577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subtitl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92">
            <a:extLst>
              <a:ext uri="{FF2B5EF4-FFF2-40B4-BE49-F238E27FC236}">
                <a16:creationId xmlns:a16="http://schemas.microsoft.com/office/drawing/2014/main" id="{496CB80D-7D85-4499-945C-635927D2A52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768350" y="771525"/>
            <a:ext cx="7056438" cy="4334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>
              <a:defRPr b="0"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altLang="pl-PL" dirty="0"/>
              <a:t>Click to edit master title style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F0CB3886-F3B3-4D48-B89D-AEB9E5447B9F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51" y="1304825"/>
            <a:ext cx="7056437" cy="216000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81B9E3E-4E54-4E68-B29F-0FD5B84CC70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68350" y="2060575"/>
            <a:ext cx="4356100" cy="1072088"/>
          </a:xfrm>
          <a:noFill/>
          <a:ln>
            <a:noFill/>
          </a:ln>
        </p:spPr>
        <p:txBody>
          <a:bodyPr wrap="square">
            <a:spAutoFit/>
          </a:bodyPr>
          <a:lstStyle>
            <a:lvl2pPr marL="6286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2pPr>
            <a:lvl3pPr marL="10858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3pPr>
            <a:lvl4pPr marL="15430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4pPr>
            <a:lvl5pPr>
              <a:buClr>
                <a:schemeClr val="accent1"/>
              </a:buCl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9614494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deser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4498975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4498975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1" y="2586199"/>
            <a:ext cx="4498974" cy="1640178"/>
          </a:xfrm>
        </p:spPr>
        <p:txBody>
          <a:bodyPr anchor="b"/>
          <a:lstStyle>
            <a:lvl1pPr algn="l">
              <a:defRPr sz="48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1" y="4400550"/>
            <a:ext cx="4498974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title</a:t>
            </a:r>
            <a:endParaRPr lang="en-GB" dirty="0"/>
          </a:p>
        </p:txBody>
      </p:sp>
      <p:pic>
        <p:nvPicPr>
          <p:cNvPr id="16" name="Logo" descr="A close up of a sign&#10;&#10;Description automatically generated">
            <a:extLst>
              <a:ext uri="{FF2B5EF4-FFF2-40B4-BE49-F238E27FC236}">
                <a16:creationId xmlns:a16="http://schemas.microsoft.com/office/drawing/2014/main" id="{8307AC6A-A2D8-4003-AD92-B4569E9A33F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500"/>
                    </a14:imgEffect>
                    <a14:imgEffect>
                      <a14:saturation sat="0"/>
                    </a14:imgEffect>
                    <a14:imgEffect>
                      <a14:brightnessContrast bright="100000" contras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0825"/>
            <a:ext cx="864709" cy="7560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56307884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subtitled - background #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92">
            <a:extLst>
              <a:ext uri="{FF2B5EF4-FFF2-40B4-BE49-F238E27FC236}">
                <a16:creationId xmlns:a16="http://schemas.microsoft.com/office/drawing/2014/main" id="{496CB80D-7D85-4499-945C-635927D2A52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768350" y="771525"/>
            <a:ext cx="7056438" cy="4334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>
              <a:defRPr b="0"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altLang="pl-PL" dirty="0"/>
              <a:t>Click to edit master title style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F0CB3886-F3B3-4D48-B89D-AEB9E5447B9F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51" y="1304825"/>
            <a:ext cx="7056437" cy="254878"/>
          </a:xfrm>
        </p:spPr>
        <p:txBody>
          <a:bodyPr/>
          <a:lstStyle>
            <a:lvl1pPr marL="0" indent="0">
              <a:lnSpc>
                <a:spcPct val="110000"/>
              </a:lnSpc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81B9E3E-4E54-4E68-B29F-0FD5B84CC70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68350" y="2060575"/>
            <a:ext cx="4356100" cy="1111779"/>
          </a:xfrm>
          <a:noFill/>
          <a:ln>
            <a:noFill/>
          </a:ln>
        </p:spPr>
        <p:txBody>
          <a:bodyPr wrap="square">
            <a:spAutoFit/>
          </a:bodyPr>
          <a:lstStyle>
            <a:lvl1pPr>
              <a:lnSpc>
                <a:spcPct val="110000"/>
              </a:lnSpc>
              <a:defRPr sz="1200"/>
            </a:lvl1pPr>
            <a:lvl2pPr marL="628650" indent="-171450">
              <a:lnSpc>
                <a:spcPct val="110000"/>
              </a:lnSpc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2pPr>
            <a:lvl3pPr marL="1085850" indent="-171450">
              <a:lnSpc>
                <a:spcPct val="110000"/>
              </a:lnSpc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3pPr>
            <a:lvl4pPr marL="1543050" indent="-171450">
              <a:lnSpc>
                <a:spcPct val="110000"/>
              </a:lnSpc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4pPr>
            <a:lvl5pPr>
              <a:lnSpc>
                <a:spcPct val="110000"/>
              </a:lnSpc>
              <a:buClr>
                <a:schemeClr val="accent1"/>
              </a:buCl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99350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subtitled - background #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92">
            <a:extLst>
              <a:ext uri="{FF2B5EF4-FFF2-40B4-BE49-F238E27FC236}">
                <a16:creationId xmlns:a16="http://schemas.microsoft.com/office/drawing/2014/main" id="{496CB80D-7D85-4499-945C-635927D2A52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768350" y="771525"/>
            <a:ext cx="7056438" cy="4334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>
              <a:defRPr b="0"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altLang="pl-PL" dirty="0"/>
              <a:t>Click to edit master title style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F0CB3886-F3B3-4D48-B89D-AEB9E5447B9F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51" y="1304825"/>
            <a:ext cx="7056437" cy="216000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81B9E3E-4E54-4E68-B29F-0FD5B84CC70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68350" y="2060575"/>
            <a:ext cx="4356100" cy="1072088"/>
          </a:xfrm>
          <a:noFill/>
          <a:ln>
            <a:noFill/>
          </a:ln>
        </p:spPr>
        <p:txBody>
          <a:bodyPr wrap="square">
            <a:spAutoFit/>
          </a:bodyPr>
          <a:lstStyle>
            <a:lvl2pPr marL="6286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2pPr>
            <a:lvl3pPr marL="10858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3pPr>
            <a:lvl4pPr marL="15430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4pPr>
            <a:lvl5pPr>
              <a:buClr>
                <a:schemeClr val="accent1"/>
              </a:buCl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Prostokąt 17">
            <a:extLst>
              <a:ext uri="{FF2B5EF4-FFF2-40B4-BE49-F238E27FC236}">
                <a16:creationId xmlns:a16="http://schemas.microsoft.com/office/drawing/2014/main" id="{13D2CA30-9E2F-4201-A3D2-9ECEFE89A1E8}"/>
              </a:ext>
            </a:extLst>
          </p:cNvPr>
          <p:cNvSpPr/>
          <p:nvPr userDrawn="1"/>
        </p:nvSpPr>
        <p:spPr>
          <a:xfrm>
            <a:off x="0" y="858044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107349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subtitled - background #3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92">
            <a:extLst>
              <a:ext uri="{FF2B5EF4-FFF2-40B4-BE49-F238E27FC236}">
                <a16:creationId xmlns:a16="http://schemas.microsoft.com/office/drawing/2014/main" id="{496CB80D-7D85-4499-945C-635927D2A52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768350" y="771525"/>
            <a:ext cx="7056438" cy="4334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>
              <a:defRPr b="0"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altLang="pl-PL" dirty="0"/>
              <a:t>Click to edit master title style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F0CB3886-F3B3-4D48-B89D-AEB9E5447B9F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51" y="1304825"/>
            <a:ext cx="7056437" cy="216000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81B9E3E-4E54-4E68-B29F-0FD5B84CC70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68350" y="2060575"/>
            <a:ext cx="4356100" cy="1072088"/>
          </a:xfrm>
          <a:noFill/>
          <a:ln>
            <a:noFill/>
          </a:ln>
        </p:spPr>
        <p:txBody>
          <a:bodyPr wrap="square">
            <a:spAutoFit/>
          </a:bodyPr>
          <a:lstStyle>
            <a:lvl2pPr marL="6286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2pPr>
            <a:lvl3pPr marL="10858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3pPr>
            <a:lvl4pPr marL="15430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4pPr>
            <a:lvl5pPr>
              <a:buClr>
                <a:schemeClr val="accent1"/>
              </a:buCl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Prostokąt 17">
            <a:extLst>
              <a:ext uri="{FF2B5EF4-FFF2-40B4-BE49-F238E27FC236}">
                <a16:creationId xmlns:a16="http://schemas.microsoft.com/office/drawing/2014/main" id="{13D2CA30-9E2F-4201-A3D2-9ECEFE89A1E8}"/>
              </a:ext>
            </a:extLst>
          </p:cNvPr>
          <p:cNvSpPr/>
          <p:nvPr userDrawn="1"/>
        </p:nvSpPr>
        <p:spPr>
          <a:xfrm>
            <a:off x="0" y="858044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499498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subtitled - background #4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92">
            <a:extLst>
              <a:ext uri="{FF2B5EF4-FFF2-40B4-BE49-F238E27FC236}">
                <a16:creationId xmlns:a16="http://schemas.microsoft.com/office/drawing/2014/main" id="{496CB80D-7D85-4499-945C-635927D2A52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768350" y="771525"/>
            <a:ext cx="7056438" cy="4334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>
              <a:defRPr b="0"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altLang="pl-PL" dirty="0"/>
              <a:t>Click to edit master title style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F0CB3886-F3B3-4D48-B89D-AEB9E5447B9F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51" y="1304825"/>
            <a:ext cx="7056437" cy="216000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81B9E3E-4E54-4E68-B29F-0FD5B84CC70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68350" y="2060575"/>
            <a:ext cx="4356100" cy="1072088"/>
          </a:xfrm>
          <a:noFill/>
          <a:ln>
            <a:noFill/>
          </a:ln>
        </p:spPr>
        <p:txBody>
          <a:bodyPr wrap="square">
            <a:spAutoFit/>
          </a:bodyPr>
          <a:lstStyle>
            <a:lvl2pPr marL="6286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2pPr>
            <a:lvl3pPr marL="10858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3pPr>
            <a:lvl4pPr marL="1543050" indent="-171450">
              <a:buClr>
                <a:schemeClr val="accent1"/>
              </a:buClr>
              <a:buFont typeface="Arial" panose="020B0604020202020204" pitchFamily="34" charset="0"/>
              <a:buChar char="•"/>
              <a:defRPr/>
            </a:lvl4pPr>
            <a:lvl5pPr>
              <a:buClr>
                <a:schemeClr val="accent1"/>
              </a:buCl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Prostokąt 17">
            <a:extLst>
              <a:ext uri="{FF2B5EF4-FFF2-40B4-BE49-F238E27FC236}">
                <a16:creationId xmlns:a16="http://schemas.microsoft.com/office/drawing/2014/main" id="{13D2CA30-9E2F-4201-A3D2-9ECEFE89A1E8}"/>
              </a:ext>
            </a:extLst>
          </p:cNvPr>
          <p:cNvSpPr/>
          <p:nvPr userDrawn="1"/>
        </p:nvSpPr>
        <p:spPr>
          <a:xfrm>
            <a:off x="0" y="858044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985604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2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2470EF5B-4348-410D-9B71-A48F26F9836F}"/>
              </a:ext>
            </a:extLst>
          </p:cNvPr>
          <p:cNvCxnSpPr>
            <a:cxnSpLocks/>
          </p:cNvCxnSpPr>
          <p:nvPr userDrawn="1"/>
        </p:nvCxnSpPr>
        <p:spPr>
          <a:xfrm flipV="1">
            <a:off x="5206886" y="1520825"/>
            <a:ext cx="1" cy="3816350"/>
          </a:xfrm>
          <a:prstGeom prst="line">
            <a:avLst/>
          </a:prstGeom>
          <a:noFill/>
          <a:ln w="19050" cap="flat">
            <a:solidFill>
              <a:srgbClr val="D6D7E0"/>
            </a:solidFill>
            <a:prstDash val="solid"/>
            <a:miter lim="400000"/>
          </a:ln>
          <a:effectLst/>
          <a:sp3d/>
        </p:spPr>
      </p:cxnSp>
      <p:sp>
        <p:nvSpPr>
          <p:cNvPr id="44" name="Title 2">
            <a:extLst>
              <a:ext uri="{FF2B5EF4-FFF2-40B4-BE49-F238E27FC236}">
                <a16:creationId xmlns:a16="http://schemas.microsoft.com/office/drawing/2014/main" id="{D9A3E165-9B56-4897-98F2-D447976400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350" y="2579689"/>
            <a:ext cx="3600000" cy="741361"/>
          </a:xfrm>
        </p:spPr>
        <p:txBody>
          <a:bodyPr anchor="t"/>
          <a:lstStyle>
            <a:lvl1pPr>
              <a:lnSpc>
                <a:spcPct val="100000"/>
              </a:lnSpc>
              <a:defRPr b="0"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7" name="Text Placeholder 45">
            <a:extLst>
              <a:ext uri="{FF2B5EF4-FFF2-40B4-BE49-F238E27FC236}">
                <a16:creationId xmlns:a16="http://schemas.microsoft.com/office/drawing/2014/main" id="{802EB780-9C9E-4F18-905B-2790B3535CC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24562" y="2579690"/>
            <a:ext cx="5399083" cy="1641473"/>
          </a:xfrm>
        </p:spPr>
        <p:txBody>
          <a:bodyPr anchor="ctr"/>
          <a:lstStyle>
            <a:lvl1pPr>
              <a:defRPr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9" name="Text Placeholder 3">
            <a:extLst>
              <a:ext uri="{FF2B5EF4-FFF2-40B4-BE49-F238E27FC236}">
                <a16:creationId xmlns:a16="http://schemas.microsoft.com/office/drawing/2014/main" id="{077631A7-B42A-44DE-BAFD-21BFB0F0774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49" y="3559549"/>
            <a:ext cx="3600000" cy="74967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" name="Prostokąt 17">
            <a:extLst>
              <a:ext uri="{FF2B5EF4-FFF2-40B4-BE49-F238E27FC236}">
                <a16:creationId xmlns:a16="http://schemas.microsoft.com/office/drawing/2014/main" id="{7E7BC701-82E9-E6CF-011A-FF8BB38D9864}"/>
              </a:ext>
            </a:extLst>
          </p:cNvPr>
          <p:cNvSpPr/>
          <p:nvPr userDrawn="1"/>
        </p:nvSpPr>
        <p:spPr>
          <a:xfrm>
            <a:off x="0" y="2662751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062B6C78-A040-24D0-3807-E966B7A4FD84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7186407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Icons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2470EF5B-4348-410D-9B71-A48F26F9836F}"/>
              </a:ext>
            </a:extLst>
          </p:cNvPr>
          <p:cNvCxnSpPr>
            <a:cxnSpLocks/>
          </p:cNvCxnSpPr>
          <p:nvPr userDrawn="1"/>
        </p:nvCxnSpPr>
        <p:spPr>
          <a:xfrm flipV="1">
            <a:off x="5206886" y="1520825"/>
            <a:ext cx="1" cy="3816350"/>
          </a:xfrm>
          <a:prstGeom prst="line">
            <a:avLst/>
          </a:prstGeom>
          <a:noFill/>
          <a:ln w="19050" cap="flat">
            <a:solidFill>
              <a:srgbClr val="D6D7E0"/>
            </a:solidFill>
            <a:prstDash val="solid"/>
            <a:miter lim="400000"/>
          </a:ln>
          <a:effectLst/>
          <a:sp3d/>
        </p:spPr>
      </p:cxnSp>
      <p:sp>
        <p:nvSpPr>
          <p:cNvPr id="44" name="Title 2">
            <a:extLst>
              <a:ext uri="{FF2B5EF4-FFF2-40B4-BE49-F238E27FC236}">
                <a16:creationId xmlns:a16="http://schemas.microsoft.com/office/drawing/2014/main" id="{D9A3E165-9B56-4897-98F2-D447976400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350" y="2579689"/>
            <a:ext cx="3600000" cy="741361"/>
          </a:xfrm>
        </p:spPr>
        <p:txBody>
          <a:bodyPr anchor="t"/>
          <a:lstStyle>
            <a:lvl1pPr>
              <a:lnSpc>
                <a:spcPct val="100000"/>
              </a:lnSpc>
              <a:defRPr b="0"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9" name="Text Placeholder 3">
            <a:extLst>
              <a:ext uri="{FF2B5EF4-FFF2-40B4-BE49-F238E27FC236}">
                <a16:creationId xmlns:a16="http://schemas.microsoft.com/office/drawing/2014/main" id="{077631A7-B42A-44DE-BAFD-21BFB0F0774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49" y="3559549"/>
            <a:ext cx="3600000" cy="74967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" name="Prostokąt 17">
            <a:extLst>
              <a:ext uri="{FF2B5EF4-FFF2-40B4-BE49-F238E27FC236}">
                <a16:creationId xmlns:a16="http://schemas.microsoft.com/office/drawing/2014/main" id="{7E7BC701-82E9-E6CF-011A-FF8BB38D9864}"/>
              </a:ext>
            </a:extLst>
          </p:cNvPr>
          <p:cNvSpPr/>
          <p:nvPr userDrawn="1"/>
        </p:nvSpPr>
        <p:spPr>
          <a:xfrm>
            <a:off x="0" y="2662751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062B6C78-A040-24D0-3807-E966B7A4FD84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  <p:sp>
        <p:nvSpPr>
          <p:cNvPr id="8" name="Picture Placeholder 38">
            <a:extLst>
              <a:ext uri="{FF2B5EF4-FFF2-40B4-BE49-F238E27FC236}">
                <a16:creationId xmlns:a16="http://schemas.microsoft.com/office/drawing/2014/main" id="{48880C4C-C855-4D0F-97B0-F94A96173A4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034993" y="1051682"/>
            <a:ext cx="703262" cy="7032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9" name="Text Placeholder 5">
            <a:extLst>
              <a:ext uri="{FF2B5EF4-FFF2-40B4-BE49-F238E27FC236}">
                <a16:creationId xmlns:a16="http://schemas.microsoft.com/office/drawing/2014/main" id="{BBC108CE-C888-4D12-8CCD-414D21896EF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067549" y="1303300"/>
            <a:ext cx="3600000" cy="200025"/>
          </a:xfrm>
        </p:spPr>
        <p:txBody>
          <a:bodyPr anchor="ctr"/>
          <a:lstStyle/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0E52BAB7-DFE2-4F27-A1AB-9C9523A5FDB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067550" y="2299037"/>
            <a:ext cx="3600000" cy="200025"/>
          </a:xfrm>
        </p:spPr>
        <p:txBody>
          <a:bodyPr anchor="ctr"/>
          <a:lstStyle/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5AEC84-7937-443E-8730-53A6E739340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065577" y="3299215"/>
            <a:ext cx="3600000" cy="191143"/>
          </a:xfrm>
        </p:spPr>
        <p:txBody>
          <a:bodyPr anchor="ctr"/>
          <a:lstStyle>
            <a:lvl1pPr>
              <a:defRPr sz="120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9964DD28-CB5A-494B-9E11-71EAB5A2CB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067550" y="4290511"/>
            <a:ext cx="3600000" cy="200025"/>
          </a:xfrm>
        </p:spPr>
        <p:txBody>
          <a:bodyPr anchor="ctr"/>
          <a:lstStyle/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AA972479-21C1-4F8A-B6AF-BF60DE27907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067550" y="5286248"/>
            <a:ext cx="3600000" cy="200025"/>
          </a:xfrm>
        </p:spPr>
        <p:txBody>
          <a:bodyPr anchor="ctr"/>
          <a:lstStyle/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4" name="Picture Placeholder 38">
            <a:extLst>
              <a:ext uri="{FF2B5EF4-FFF2-40B4-BE49-F238E27FC236}">
                <a16:creationId xmlns:a16="http://schemas.microsoft.com/office/drawing/2014/main" id="{745D9943-CA91-4EAB-B2B5-A8D849BBA2E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6034993" y="2048175"/>
            <a:ext cx="703262" cy="7032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5" name="Picture Placeholder 38">
            <a:extLst>
              <a:ext uri="{FF2B5EF4-FFF2-40B4-BE49-F238E27FC236}">
                <a16:creationId xmlns:a16="http://schemas.microsoft.com/office/drawing/2014/main" id="{AF45396B-8C07-4EFE-A3D3-A1BC80F45A2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34993" y="3044669"/>
            <a:ext cx="703262" cy="7032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6" name="Picture Placeholder 38">
            <a:extLst>
              <a:ext uri="{FF2B5EF4-FFF2-40B4-BE49-F238E27FC236}">
                <a16:creationId xmlns:a16="http://schemas.microsoft.com/office/drawing/2014/main" id="{F1EE6D0E-49F5-499C-995B-88E8817F379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034993" y="4041162"/>
            <a:ext cx="703262" cy="703263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7" name="Picture Placeholder 38">
            <a:extLst>
              <a:ext uri="{FF2B5EF4-FFF2-40B4-BE49-F238E27FC236}">
                <a16:creationId xmlns:a16="http://schemas.microsoft.com/office/drawing/2014/main" id="{13E25E21-3065-4E16-8997-F037B66D3277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034993" y="5037656"/>
            <a:ext cx="703262" cy="703263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54222888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Icons Cen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" name="Picture Placeholder 38">
            <a:extLst>
              <a:ext uri="{FF2B5EF4-FFF2-40B4-BE49-F238E27FC236}">
                <a16:creationId xmlns:a16="http://schemas.microsoft.com/office/drawing/2014/main" id="{FDDF66F9-5D7E-4B9D-B8A7-F1037480A6D0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7967662" y="2583444"/>
            <a:ext cx="737605" cy="737606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5" name="Picture Placeholder 38">
            <a:extLst>
              <a:ext uri="{FF2B5EF4-FFF2-40B4-BE49-F238E27FC236}">
                <a16:creationId xmlns:a16="http://schemas.microsoft.com/office/drawing/2014/main" id="{0C902761-3C20-44CD-A127-39FED67BF25E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768349" y="2583444"/>
            <a:ext cx="737605" cy="737606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6" name="Picture Placeholder 38">
            <a:extLst>
              <a:ext uri="{FF2B5EF4-FFF2-40B4-BE49-F238E27FC236}">
                <a16:creationId xmlns:a16="http://schemas.microsoft.com/office/drawing/2014/main" id="{781D5CAA-6D9A-434F-AC1A-1744B62C9FD8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367212" y="2583444"/>
            <a:ext cx="737605" cy="737606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1" name="Text Placeholder 10">
            <a:extLst>
              <a:ext uri="{FF2B5EF4-FFF2-40B4-BE49-F238E27FC236}">
                <a16:creationId xmlns:a16="http://schemas.microsoft.com/office/drawing/2014/main" id="{4456D348-B2C3-4122-8232-DCD77E647E9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68350" y="3808936"/>
            <a:ext cx="3098800" cy="923330"/>
          </a:xfrm>
        </p:spPr>
        <p:txBody>
          <a:bodyPr>
            <a:spAutoFit/>
          </a:bodyPr>
          <a:lstStyle>
            <a:lvl1pPr>
              <a:defRPr sz="1200"/>
            </a:lvl1pPr>
          </a:lstStyle>
          <a:p>
            <a:r>
              <a:rPr lang="en-GB" dirty="0"/>
              <a:t>Leverage agile frameworks to provide a robust synopsis for high level overviews. Iterative approaches to corporate strategy foster Collab thinking to further the overall value proposition.</a:t>
            </a:r>
          </a:p>
        </p:txBody>
      </p:sp>
      <p:sp>
        <p:nvSpPr>
          <p:cNvPr id="24" name="Title 8">
            <a:extLst>
              <a:ext uri="{FF2B5EF4-FFF2-40B4-BE49-F238E27FC236}">
                <a16:creationId xmlns:a16="http://schemas.microsoft.com/office/drawing/2014/main" id="{08B4DB9F-D55C-4B5C-BF83-733C51EA8B5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8350" y="771525"/>
            <a:ext cx="7056437" cy="427505"/>
          </a:xfrm>
        </p:spPr>
        <p:txBody>
          <a:bodyPr/>
          <a:lstStyle/>
          <a:p>
            <a:r>
              <a:rPr lang="en-GB" dirty="0"/>
              <a:t>Slide: 3 separate sections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2594CF0E-F967-4102-AD2C-493C95DDCBB0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768351" y="1304825"/>
            <a:ext cx="7056437" cy="216000"/>
          </a:xfrm>
        </p:spPr>
        <p:txBody>
          <a:bodyPr/>
          <a:lstStyle>
            <a:lvl1pPr>
              <a:defRPr sz="1600"/>
            </a:lvl1pPr>
          </a:lstStyle>
          <a:p>
            <a:pPr fontAlgn="auto">
              <a:spcBef>
                <a:spcPts val="0"/>
              </a:spcBef>
              <a:spcAft>
                <a:spcPts val="0"/>
              </a:spcAft>
              <a:buClr>
                <a:srgbClr val="434343"/>
              </a:buClr>
              <a:buSzPts val="1200"/>
              <a:defRPr/>
            </a:pPr>
            <a:r>
              <a:rPr lang="en-GB" kern="0" dirty="0">
                <a:sym typeface="Advent Pro Light"/>
              </a:rPr>
              <a:t>Here you add a subtitle and describe the topic of this slide.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8EC281B7-4B17-43EF-82F9-F7D2A7FA95E1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68350" y="3464911"/>
            <a:ext cx="3097219" cy="200025"/>
          </a:xfrm>
        </p:spPr>
        <p:txBody>
          <a:bodyPr/>
          <a:lstStyle>
            <a:lvl1pPr>
              <a:defRPr sz="1400"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874C0CCD-2F88-4B0E-855F-901582EC41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4367213" y="3815306"/>
            <a:ext cx="3098800" cy="923330"/>
          </a:xfrm>
        </p:spPr>
        <p:txBody>
          <a:bodyPr>
            <a:spAutoFit/>
          </a:bodyPr>
          <a:lstStyle>
            <a:lvl1pPr>
              <a:defRPr sz="1200"/>
            </a:lvl1pPr>
          </a:lstStyle>
          <a:p>
            <a:r>
              <a:rPr lang="en-GB" dirty="0"/>
              <a:t>Leverage agile frameworks to provide a robust synopsis for high level overviews. Iterative approaches to corporate strategy foster Collab thinking to further the overall value proposition.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DEE05E6F-3BBD-489E-898E-7C39B96BBA5F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4367213" y="3471281"/>
            <a:ext cx="3097219" cy="200025"/>
          </a:xfrm>
        </p:spPr>
        <p:txBody>
          <a:bodyPr/>
          <a:lstStyle>
            <a:lvl1pPr>
              <a:defRPr sz="1400"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ext Placeholder 10">
            <a:extLst>
              <a:ext uri="{FF2B5EF4-FFF2-40B4-BE49-F238E27FC236}">
                <a16:creationId xmlns:a16="http://schemas.microsoft.com/office/drawing/2014/main" id="{E0D8DA37-CB8D-442D-A441-4DA1B81F1B9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7967663" y="3826081"/>
            <a:ext cx="3098800" cy="923330"/>
          </a:xfrm>
        </p:spPr>
        <p:txBody>
          <a:bodyPr>
            <a:spAutoFit/>
          </a:bodyPr>
          <a:lstStyle>
            <a:lvl1pPr>
              <a:defRPr sz="1200"/>
            </a:lvl1pPr>
          </a:lstStyle>
          <a:p>
            <a:r>
              <a:rPr lang="en-GB" dirty="0"/>
              <a:t>Leverage agile frameworks to provide a robust synopsis for high level overviews. Iterative approaches to corporate strategy foster Collab thinking to further the overall value proposition.</a:t>
            </a:r>
          </a:p>
        </p:txBody>
      </p:sp>
      <p:sp>
        <p:nvSpPr>
          <p:cNvPr id="25" name="Text Placeholder 5">
            <a:extLst>
              <a:ext uri="{FF2B5EF4-FFF2-40B4-BE49-F238E27FC236}">
                <a16:creationId xmlns:a16="http://schemas.microsoft.com/office/drawing/2014/main" id="{BF02BE5D-758A-4B97-8A17-A6281D206853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7967663" y="3482056"/>
            <a:ext cx="3097219" cy="200025"/>
          </a:xfrm>
        </p:spPr>
        <p:txBody>
          <a:bodyPr/>
          <a:lstStyle>
            <a:lvl1pPr>
              <a:defRPr sz="1400"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67026457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1 image fu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E83CABB2-B3D0-455F-B434-616431ABC550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 bwMode="auto">
          <a:xfrm>
            <a:off x="6176963" y="0"/>
            <a:ext cx="6024562" cy="6867525"/>
          </a:xfrm>
          <a:custGeom>
            <a:avLst/>
            <a:gdLst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4562 w 6024562"/>
              <a:gd name="connsiteY3" fmla="*/ 5853886 h 6858000"/>
              <a:gd name="connsiteX4" fmla="*/ 5020448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6858000 h 6858000"/>
              <a:gd name="connsiteX7" fmla="*/ 0 w 6024562"/>
              <a:gd name="connsiteY7" fmla="*/ 1004114 h 6858000"/>
              <a:gd name="connsiteX8" fmla="*/ 1004114 w 6024562"/>
              <a:gd name="connsiteY8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4562 w 6024562"/>
              <a:gd name="connsiteY3" fmla="*/ 5853886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024562"/>
              <a:gd name="connsiteY0" fmla="*/ 0 h 7305797"/>
              <a:gd name="connsiteX1" fmla="*/ 6024562 w 6024562"/>
              <a:gd name="connsiteY1" fmla="*/ 0 h 7305797"/>
              <a:gd name="connsiteX2" fmla="*/ 6024562 w 6024562"/>
              <a:gd name="connsiteY2" fmla="*/ 0 h 7305797"/>
              <a:gd name="connsiteX3" fmla="*/ 6019366 w 6024562"/>
              <a:gd name="connsiteY3" fmla="*/ 6825436 h 7305797"/>
              <a:gd name="connsiteX4" fmla="*/ 0 w 6024562"/>
              <a:gd name="connsiteY4" fmla="*/ 6858000 h 7305797"/>
              <a:gd name="connsiteX5" fmla="*/ 0 w 6024562"/>
              <a:gd name="connsiteY5" fmla="*/ 6858000 h 7305797"/>
              <a:gd name="connsiteX6" fmla="*/ 0 w 6024562"/>
              <a:gd name="connsiteY6" fmla="*/ 1004114 h 7305797"/>
              <a:gd name="connsiteX7" fmla="*/ 1004114 w 6024562"/>
              <a:gd name="connsiteY7" fmla="*/ 0 h 7305797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19366 w 6024562"/>
              <a:gd name="connsiteY3" fmla="*/ 6825436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19366 w 6024562"/>
              <a:gd name="connsiteY3" fmla="*/ 6825436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1597 w 6024562"/>
              <a:gd name="connsiteY3" fmla="*/ 6852199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698433"/>
              <a:gd name="connsiteY0" fmla="*/ 0 h 6858000"/>
              <a:gd name="connsiteX1" fmla="*/ 6024562 w 6698433"/>
              <a:gd name="connsiteY1" fmla="*/ 0 h 6858000"/>
              <a:gd name="connsiteX2" fmla="*/ 6024562 w 6698433"/>
              <a:gd name="connsiteY2" fmla="*/ 0 h 6858000"/>
              <a:gd name="connsiteX3" fmla="*/ 6021597 w 6698433"/>
              <a:gd name="connsiteY3" fmla="*/ 6852199 h 6858000"/>
              <a:gd name="connsiteX4" fmla="*/ 0 w 6698433"/>
              <a:gd name="connsiteY4" fmla="*/ 6858000 h 6858000"/>
              <a:gd name="connsiteX5" fmla="*/ 0 w 6698433"/>
              <a:gd name="connsiteY5" fmla="*/ 6858000 h 6858000"/>
              <a:gd name="connsiteX6" fmla="*/ 0 w 6698433"/>
              <a:gd name="connsiteY6" fmla="*/ 1004114 h 6858000"/>
              <a:gd name="connsiteX7" fmla="*/ 1004114 w 6698433"/>
              <a:gd name="connsiteY7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1597 w 6024562"/>
              <a:gd name="connsiteY3" fmla="*/ 6852199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24562" h="6858000">
                <a:moveTo>
                  <a:pt x="1004114" y="0"/>
                </a:moveTo>
                <a:lnTo>
                  <a:pt x="6024562" y="0"/>
                </a:lnTo>
                <a:lnTo>
                  <a:pt x="6024562" y="0"/>
                </a:lnTo>
                <a:cubicBezTo>
                  <a:pt x="6024068" y="1142033"/>
                  <a:pt x="6023079" y="3426099"/>
                  <a:pt x="6021597" y="6852199"/>
                </a:cubicBezTo>
                <a:lnTo>
                  <a:pt x="0" y="6858000"/>
                </a:lnTo>
                <a:lnTo>
                  <a:pt x="0" y="6858000"/>
                </a:lnTo>
                <a:lnTo>
                  <a:pt x="0" y="1004114"/>
                </a:lnTo>
                <a:cubicBezTo>
                  <a:pt x="0" y="449557"/>
                  <a:pt x="449557" y="0"/>
                  <a:pt x="1004114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anchor="ctr">
            <a:normAutofit/>
          </a:bodyPr>
          <a:lstStyle>
            <a:lvl1pPr algn="ctr"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Your picture </a:t>
            </a:r>
            <a:r>
              <a:rPr lang="pl-PL" dirty="0"/>
              <a:t>g</a:t>
            </a:r>
            <a:r>
              <a:rPr lang="en-US" dirty="0" err="1"/>
              <a:t>oes</a:t>
            </a:r>
            <a:r>
              <a:rPr lang="en-US" dirty="0"/>
              <a:t> here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7F16A51A-74D3-D5C1-42FF-C76C940C3D6A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  <p:sp>
        <p:nvSpPr>
          <p:cNvPr id="7" name="Title 2">
            <a:extLst>
              <a:ext uri="{FF2B5EF4-FFF2-40B4-BE49-F238E27FC236}">
                <a16:creationId xmlns:a16="http://schemas.microsoft.com/office/drawing/2014/main" id="{A6E77681-E69F-4E5F-9335-6EB3C7230F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350" y="2579689"/>
            <a:ext cx="3600000" cy="741361"/>
          </a:xfrm>
        </p:spPr>
        <p:txBody>
          <a:bodyPr anchor="t"/>
          <a:lstStyle>
            <a:lvl1pPr>
              <a:lnSpc>
                <a:spcPct val="100000"/>
              </a:lnSpc>
              <a:defRPr b="0"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5B7E530B-4B8A-4F6B-BC5D-E493B3CB341E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49" y="3559549"/>
            <a:ext cx="3600000" cy="74967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Prostokąt 17">
            <a:extLst>
              <a:ext uri="{FF2B5EF4-FFF2-40B4-BE49-F238E27FC236}">
                <a16:creationId xmlns:a16="http://schemas.microsoft.com/office/drawing/2014/main" id="{E1AE7C48-6897-4D46-BDCB-D4A3B39AF5B1}"/>
              </a:ext>
            </a:extLst>
          </p:cNvPr>
          <p:cNvSpPr/>
          <p:nvPr userDrawn="1"/>
        </p:nvSpPr>
        <p:spPr>
          <a:xfrm>
            <a:off x="0" y="2662751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3679217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7F16A51A-74D3-D5C1-42FF-C76C940C3D6A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  <p:sp>
        <p:nvSpPr>
          <p:cNvPr id="7" name="Title 2">
            <a:extLst>
              <a:ext uri="{FF2B5EF4-FFF2-40B4-BE49-F238E27FC236}">
                <a16:creationId xmlns:a16="http://schemas.microsoft.com/office/drawing/2014/main" id="{A6E77681-E69F-4E5F-9335-6EB3C7230F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350" y="2579689"/>
            <a:ext cx="3600000" cy="741361"/>
          </a:xfrm>
        </p:spPr>
        <p:txBody>
          <a:bodyPr anchor="t"/>
          <a:lstStyle>
            <a:lvl1pPr>
              <a:lnSpc>
                <a:spcPct val="100000"/>
              </a:lnSpc>
              <a:defRPr b="0"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5B7E530B-4B8A-4F6B-BC5D-E493B3CB341E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49" y="3559549"/>
            <a:ext cx="3600000" cy="74967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Prostokąt 17">
            <a:extLst>
              <a:ext uri="{FF2B5EF4-FFF2-40B4-BE49-F238E27FC236}">
                <a16:creationId xmlns:a16="http://schemas.microsoft.com/office/drawing/2014/main" id="{E1AE7C48-6897-4D46-BDCB-D4A3B39AF5B1}"/>
              </a:ext>
            </a:extLst>
          </p:cNvPr>
          <p:cNvSpPr/>
          <p:nvPr userDrawn="1"/>
        </p:nvSpPr>
        <p:spPr>
          <a:xfrm>
            <a:off x="0" y="2662751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  <p:sp>
        <p:nvSpPr>
          <p:cNvPr id="4" name="Picture Placeholder 17">
            <a:extLst>
              <a:ext uri="{FF2B5EF4-FFF2-40B4-BE49-F238E27FC236}">
                <a16:creationId xmlns:a16="http://schemas.microsoft.com/office/drawing/2014/main" id="{5209BB1B-2596-BFE2-083B-C92778A58FD0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167438" y="763587"/>
            <a:ext cx="5266303" cy="5329238"/>
          </a:xfrm>
          <a:prstGeom prst="round1Rect">
            <a:avLst/>
          </a:prstGeo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Your picture goes here</a:t>
            </a:r>
          </a:p>
        </p:txBody>
      </p:sp>
    </p:spTree>
    <p:extLst>
      <p:ext uri="{BB962C8B-B14F-4D97-AF65-F5344CB8AC3E}">
        <p14:creationId xmlns:p14="http://schemas.microsoft.com/office/powerpoint/2010/main" val="23668085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3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282CE30A-F8DF-4994-AE12-6F9DA5C558D0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167438" y="763587"/>
            <a:ext cx="5266303" cy="2557463"/>
          </a:xfrm>
          <a:prstGeom prst="round1Rect">
            <a:avLst/>
          </a:prstGeo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Your picture goes here</a:t>
            </a:r>
          </a:p>
        </p:txBody>
      </p:sp>
      <p:sp>
        <p:nvSpPr>
          <p:cNvPr id="19" name="Picture Placeholder 17">
            <a:extLst>
              <a:ext uri="{FF2B5EF4-FFF2-40B4-BE49-F238E27FC236}">
                <a16:creationId xmlns:a16="http://schemas.microsoft.com/office/drawing/2014/main" id="{A915242A-083A-42EE-B4F1-9DB453E01479}"/>
              </a:ext>
            </a:extLst>
          </p:cNvPr>
          <p:cNvSpPr>
            <a:spLocks noGrp="1"/>
          </p:cNvSpPr>
          <p:nvPr>
            <p:ph type="pic" sz="quarter" idx="42" hasCustomPrompt="1"/>
          </p:nvPr>
        </p:nvSpPr>
        <p:spPr bwMode="auto">
          <a:xfrm>
            <a:off x="6167438" y="3465514"/>
            <a:ext cx="2559598" cy="2628900"/>
          </a:xfrm>
          <a:custGeom>
            <a:avLst/>
            <a:gdLst>
              <a:gd name="connsiteX0" fmla="*/ 0 w 2557462"/>
              <a:gd name="connsiteY0" fmla="*/ 0 h 2628900"/>
              <a:gd name="connsiteX1" fmla="*/ 2100265 w 2557462"/>
              <a:gd name="connsiteY1" fmla="*/ 0 h 2628900"/>
              <a:gd name="connsiteX2" fmla="*/ 2557462 w 2557462"/>
              <a:gd name="connsiteY2" fmla="*/ 457197 h 2628900"/>
              <a:gd name="connsiteX3" fmla="*/ 2557462 w 2557462"/>
              <a:gd name="connsiteY3" fmla="*/ 2628900 h 2628900"/>
              <a:gd name="connsiteX4" fmla="*/ 2557462 w 2557462"/>
              <a:gd name="connsiteY4" fmla="*/ 2628900 h 2628900"/>
              <a:gd name="connsiteX5" fmla="*/ 457197 w 2557462"/>
              <a:gd name="connsiteY5" fmla="*/ 2628900 h 2628900"/>
              <a:gd name="connsiteX6" fmla="*/ 0 w 2557462"/>
              <a:gd name="connsiteY6" fmla="*/ 2171703 h 2628900"/>
              <a:gd name="connsiteX7" fmla="*/ 0 w 2557462"/>
              <a:gd name="connsiteY7" fmla="*/ 0 h 2628900"/>
              <a:gd name="connsiteX8" fmla="*/ 0 w 2557462"/>
              <a:gd name="connsiteY8" fmla="*/ 0 h 2628900"/>
              <a:gd name="connsiteX0" fmla="*/ 0 w 2557462"/>
              <a:gd name="connsiteY0" fmla="*/ 0 h 2628900"/>
              <a:gd name="connsiteX1" fmla="*/ 2557462 w 2557462"/>
              <a:gd name="connsiteY1" fmla="*/ 457197 h 2628900"/>
              <a:gd name="connsiteX2" fmla="*/ 2557462 w 2557462"/>
              <a:gd name="connsiteY2" fmla="*/ 2628900 h 2628900"/>
              <a:gd name="connsiteX3" fmla="*/ 2557462 w 2557462"/>
              <a:gd name="connsiteY3" fmla="*/ 2628900 h 2628900"/>
              <a:gd name="connsiteX4" fmla="*/ 457197 w 2557462"/>
              <a:gd name="connsiteY4" fmla="*/ 2628900 h 2628900"/>
              <a:gd name="connsiteX5" fmla="*/ 0 w 2557462"/>
              <a:gd name="connsiteY5" fmla="*/ 2171703 h 2628900"/>
              <a:gd name="connsiteX6" fmla="*/ 0 w 2557462"/>
              <a:gd name="connsiteY6" fmla="*/ 0 h 2628900"/>
              <a:gd name="connsiteX7" fmla="*/ 0 w 2557462"/>
              <a:gd name="connsiteY7" fmla="*/ 0 h 2628900"/>
              <a:gd name="connsiteX0" fmla="*/ 0 w 2561735"/>
              <a:gd name="connsiteY0" fmla="*/ 0 h 2628900"/>
              <a:gd name="connsiteX1" fmla="*/ 2561735 w 2561735"/>
              <a:gd name="connsiteY1" fmla="*/ 2133 h 2628900"/>
              <a:gd name="connsiteX2" fmla="*/ 2557462 w 2561735"/>
              <a:gd name="connsiteY2" fmla="*/ 2628900 h 2628900"/>
              <a:gd name="connsiteX3" fmla="*/ 2557462 w 2561735"/>
              <a:gd name="connsiteY3" fmla="*/ 2628900 h 2628900"/>
              <a:gd name="connsiteX4" fmla="*/ 457197 w 2561735"/>
              <a:gd name="connsiteY4" fmla="*/ 2628900 h 2628900"/>
              <a:gd name="connsiteX5" fmla="*/ 0 w 2561735"/>
              <a:gd name="connsiteY5" fmla="*/ 2171703 h 2628900"/>
              <a:gd name="connsiteX6" fmla="*/ 0 w 2561735"/>
              <a:gd name="connsiteY6" fmla="*/ 0 h 2628900"/>
              <a:gd name="connsiteX7" fmla="*/ 0 w 2561735"/>
              <a:gd name="connsiteY7" fmla="*/ 0 h 2628900"/>
              <a:gd name="connsiteX0" fmla="*/ 0 w 2561735"/>
              <a:gd name="connsiteY0" fmla="*/ 0 h 2628900"/>
              <a:gd name="connsiteX1" fmla="*/ 2561735 w 2561735"/>
              <a:gd name="connsiteY1" fmla="*/ 10679 h 2628900"/>
              <a:gd name="connsiteX2" fmla="*/ 2557462 w 2561735"/>
              <a:gd name="connsiteY2" fmla="*/ 2628900 h 2628900"/>
              <a:gd name="connsiteX3" fmla="*/ 2557462 w 2561735"/>
              <a:gd name="connsiteY3" fmla="*/ 2628900 h 2628900"/>
              <a:gd name="connsiteX4" fmla="*/ 457197 w 2561735"/>
              <a:gd name="connsiteY4" fmla="*/ 2628900 h 2628900"/>
              <a:gd name="connsiteX5" fmla="*/ 0 w 2561735"/>
              <a:gd name="connsiteY5" fmla="*/ 2171703 h 2628900"/>
              <a:gd name="connsiteX6" fmla="*/ 0 w 2561735"/>
              <a:gd name="connsiteY6" fmla="*/ 0 h 2628900"/>
              <a:gd name="connsiteX7" fmla="*/ 0 w 2561735"/>
              <a:gd name="connsiteY7" fmla="*/ 0 h 2628900"/>
              <a:gd name="connsiteX0" fmla="*/ 0 w 2559598"/>
              <a:gd name="connsiteY0" fmla="*/ 0 h 2628900"/>
              <a:gd name="connsiteX1" fmla="*/ 2559598 w 2559598"/>
              <a:gd name="connsiteY1" fmla="*/ 4270 h 2628900"/>
              <a:gd name="connsiteX2" fmla="*/ 2557462 w 2559598"/>
              <a:gd name="connsiteY2" fmla="*/ 2628900 h 2628900"/>
              <a:gd name="connsiteX3" fmla="*/ 2557462 w 2559598"/>
              <a:gd name="connsiteY3" fmla="*/ 2628900 h 2628900"/>
              <a:gd name="connsiteX4" fmla="*/ 457197 w 2559598"/>
              <a:gd name="connsiteY4" fmla="*/ 2628900 h 2628900"/>
              <a:gd name="connsiteX5" fmla="*/ 0 w 2559598"/>
              <a:gd name="connsiteY5" fmla="*/ 2171703 h 2628900"/>
              <a:gd name="connsiteX6" fmla="*/ 0 w 2559598"/>
              <a:gd name="connsiteY6" fmla="*/ 0 h 2628900"/>
              <a:gd name="connsiteX7" fmla="*/ 0 w 2559598"/>
              <a:gd name="connsiteY7" fmla="*/ 0 h 26289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559598" h="2628900">
                <a:moveTo>
                  <a:pt x="0" y="0"/>
                </a:moveTo>
                <a:lnTo>
                  <a:pt x="2559598" y="4270"/>
                </a:lnTo>
                <a:cubicBezTo>
                  <a:pt x="2558174" y="879859"/>
                  <a:pt x="2558886" y="1753311"/>
                  <a:pt x="2557462" y="2628900"/>
                </a:cubicBezTo>
                <a:lnTo>
                  <a:pt x="2557462" y="2628900"/>
                </a:lnTo>
                <a:lnTo>
                  <a:pt x="457197" y="2628900"/>
                </a:lnTo>
                <a:cubicBezTo>
                  <a:pt x="204694" y="2628900"/>
                  <a:pt x="0" y="2424206"/>
                  <a:pt x="0" y="2171703"/>
                </a:cubicBezTo>
                <a:lnTo>
                  <a:pt x="0" y="0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anchor="ctr">
            <a:normAutofit/>
          </a:bodyPr>
          <a:lstStyle>
            <a:lvl1pPr marL="0" indent="0" algn="ctr">
              <a:buNone/>
              <a:defRPr sz="1400">
                <a:solidFill>
                  <a:schemeClr val="tx2"/>
                </a:solidFill>
              </a:defRPr>
            </a:lvl1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000"/>
              </a:spcBef>
              <a:spcAft>
                <a:spcPct val="0"/>
              </a:spcAft>
              <a:buClr>
                <a:schemeClr val="accent1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Your picture goes here</a:t>
            </a:r>
          </a:p>
        </p:txBody>
      </p:sp>
      <p:sp>
        <p:nvSpPr>
          <p:cNvPr id="23" name="Picture Placeholder 17">
            <a:extLst>
              <a:ext uri="{FF2B5EF4-FFF2-40B4-BE49-F238E27FC236}">
                <a16:creationId xmlns:a16="http://schemas.microsoft.com/office/drawing/2014/main" id="{229A7808-0F78-4D37-8222-9A487D9839BA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 bwMode="auto">
          <a:xfrm>
            <a:off x="8867776" y="3465514"/>
            <a:ext cx="2565966" cy="2628900"/>
          </a:xfrm>
          <a:custGeom>
            <a:avLst/>
            <a:gdLst>
              <a:gd name="connsiteX0" fmla="*/ 427670 w 2565966"/>
              <a:gd name="connsiteY0" fmla="*/ 0 h 2628900"/>
              <a:gd name="connsiteX1" fmla="*/ 2565966 w 2565966"/>
              <a:gd name="connsiteY1" fmla="*/ 0 h 2628900"/>
              <a:gd name="connsiteX2" fmla="*/ 2565966 w 2565966"/>
              <a:gd name="connsiteY2" fmla="*/ 0 h 2628900"/>
              <a:gd name="connsiteX3" fmla="*/ 2565966 w 2565966"/>
              <a:gd name="connsiteY3" fmla="*/ 2201230 h 2628900"/>
              <a:gd name="connsiteX4" fmla="*/ 2138296 w 2565966"/>
              <a:gd name="connsiteY4" fmla="*/ 2628900 h 2628900"/>
              <a:gd name="connsiteX5" fmla="*/ 0 w 2565966"/>
              <a:gd name="connsiteY5" fmla="*/ 2628900 h 2628900"/>
              <a:gd name="connsiteX6" fmla="*/ 0 w 2565966"/>
              <a:gd name="connsiteY6" fmla="*/ 2628900 h 2628900"/>
              <a:gd name="connsiteX7" fmla="*/ 0 w 2565966"/>
              <a:gd name="connsiteY7" fmla="*/ 427670 h 2628900"/>
              <a:gd name="connsiteX8" fmla="*/ 427670 w 2565966"/>
              <a:gd name="connsiteY8" fmla="*/ 0 h 2628900"/>
              <a:gd name="connsiteX0" fmla="*/ 427670 w 2565966"/>
              <a:gd name="connsiteY0" fmla="*/ 0 h 2628900"/>
              <a:gd name="connsiteX1" fmla="*/ 2565966 w 2565966"/>
              <a:gd name="connsiteY1" fmla="*/ 0 h 2628900"/>
              <a:gd name="connsiteX2" fmla="*/ 2565966 w 2565966"/>
              <a:gd name="connsiteY2" fmla="*/ 0 h 2628900"/>
              <a:gd name="connsiteX3" fmla="*/ 2565966 w 2565966"/>
              <a:gd name="connsiteY3" fmla="*/ 2201230 h 2628900"/>
              <a:gd name="connsiteX4" fmla="*/ 2138296 w 2565966"/>
              <a:gd name="connsiteY4" fmla="*/ 2628900 h 2628900"/>
              <a:gd name="connsiteX5" fmla="*/ 0 w 2565966"/>
              <a:gd name="connsiteY5" fmla="*/ 2628900 h 2628900"/>
              <a:gd name="connsiteX6" fmla="*/ 0 w 2565966"/>
              <a:gd name="connsiteY6" fmla="*/ 2628900 h 2628900"/>
              <a:gd name="connsiteX7" fmla="*/ 427670 w 2565966"/>
              <a:gd name="connsiteY7" fmla="*/ 0 h 2628900"/>
              <a:gd name="connsiteX0" fmla="*/ 5849 w 2565966"/>
              <a:gd name="connsiteY0" fmla="*/ 0 h 2628900"/>
              <a:gd name="connsiteX1" fmla="*/ 2565966 w 2565966"/>
              <a:gd name="connsiteY1" fmla="*/ 0 h 2628900"/>
              <a:gd name="connsiteX2" fmla="*/ 2565966 w 2565966"/>
              <a:gd name="connsiteY2" fmla="*/ 0 h 2628900"/>
              <a:gd name="connsiteX3" fmla="*/ 2565966 w 2565966"/>
              <a:gd name="connsiteY3" fmla="*/ 2201230 h 2628900"/>
              <a:gd name="connsiteX4" fmla="*/ 2138296 w 2565966"/>
              <a:gd name="connsiteY4" fmla="*/ 2628900 h 2628900"/>
              <a:gd name="connsiteX5" fmla="*/ 0 w 2565966"/>
              <a:gd name="connsiteY5" fmla="*/ 2628900 h 2628900"/>
              <a:gd name="connsiteX6" fmla="*/ 0 w 2565966"/>
              <a:gd name="connsiteY6" fmla="*/ 2628900 h 2628900"/>
              <a:gd name="connsiteX7" fmla="*/ 5849 w 2565966"/>
              <a:gd name="connsiteY7" fmla="*/ 0 h 26289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565966" h="2628900">
                <a:moveTo>
                  <a:pt x="5849" y="0"/>
                </a:moveTo>
                <a:lnTo>
                  <a:pt x="2565966" y="0"/>
                </a:lnTo>
                <a:lnTo>
                  <a:pt x="2565966" y="0"/>
                </a:lnTo>
                <a:lnTo>
                  <a:pt x="2565966" y="2201230"/>
                </a:lnTo>
                <a:cubicBezTo>
                  <a:pt x="2565966" y="2437426"/>
                  <a:pt x="2374492" y="2628900"/>
                  <a:pt x="2138296" y="2628900"/>
                </a:cubicBezTo>
                <a:lnTo>
                  <a:pt x="0" y="2628900"/>
                </a:lnTo>
                <a:lnTo>
                  <a:pt x="0" y="2628900"/>
                </a:lnTo>
                <a:cubicBezTo>
                  <a:pt x="1950" y="1752600"/>
                  <a:pt x="3899" y="876300"/>
                  <a:pt x="5849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anchor="ctr">
            <a:normAutofit/>
          </a:bodyPr>
          <a:lstStyle>
            <a:lvl1pPr marL="0" indent="0" algn="ctr">
              <a:buNone/>
              <a:defRPr sz="1400" b="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Your picture goes here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8C3289D-31E5-189D-629B-3F452E37D1C5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  <p:sp>
        <p:nvSpPr>
          <p:cNvPr id="10" name="Title 2">
            <a:extLst>
              <a:ext uri="{FF2B5EF4-FFF2-40B4-BE49-F238E27FC236}">
                <a16:creationId xmlns:a16="http://schemas.microsoft.com/office/drawing/2014/main" id="{B8BC6749-AFC0-41F0-99A1-B7608C41E10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350" y="2579689"/>
            <a:ext cx="3600000" cy="741361"/>
          </a:xfrm>
        </p:spPr>
        <p:txBody>
          <a:bodyPr anchor="t"/>
          <a:lstStyle>
            <a:lvl1pPr>
              <a:lnSpc>
                <a:spcPct val="100000"/>
              </a:lnSpc>
              <a:defRPr b="0"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B5BA826A-4181-4A72-81BB-7DBB50C4C783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49" y="3559549"/>
            <a:ext cx="3600000" cy="74967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Prostokąt 17">
            <a:extLst>
              <a:ext uri="{FF2B5EF4-FFF2-40B4-BE49-F238E27FC236}">
                <a16:creationId xmlns:a16="http://schemas.microsoft.com/office/drawing/2014/main" id="{2E6324AD-1505-4B24-8930-5AC04F7493AA}"/>
              </a:ext>
            </a:extLst>
          </p:cNvPr>
          <p:cNvSpPr/>
          <p:nvPr userDrawn="1"/>
        </p:nvSpPr>
        <p:spPr>
          <a:xfrm>
            <a:off x="0" y="2662751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843399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icebreaker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4498975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4498975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1" y="2586199"/>
            <a:ext cx="4498974" cy="1640178"/>
          </a:xfrm>
        </p:spPr>
        <p:txBody>
          <a:bodyPr anchor="b"/>
          <a:lstStyle>
            <a:lvl1pPr algn="l">
              <a:defRPr sz="48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1" y="4400550"/>
            <a:ext cx="4498974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title</a:t>
            </a:r>
            <a:endParaRPr lang="en-GB" dirty="0"/>
          </a:p>
        </p:txBody>
      </p:sp>
      <p:pic>
        <p:nvPicPr>
          <p:cNvPr id="16" name="Logo" descr="A close up of a sign&#10;&#10;Description automatically generated">
            <a:extLst>
              <a:ext uri="{FF2B5EF4-FFF2-40B4-BE49-F238E27FC236}">
                <a16:creationId xmlns:a16="http://schemas.microsoft.com/office/drawing/2014/main" id="{8307AC6A-A2D8-4003-AD92-B4569E9A33F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500"/>
                    </a14:imgEffect>
                    <a14:imgEffect>
                      <a14:saturation sat="0"/>
                    </a14:imgEffect>
                    <a14:imgEffect>
                      <a14:brightnessContrast bright="100000" contras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0825"/>
            <a:ext cx="864709" cy="7560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16005372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3 images (botto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8">
            <a:extLst>
              <a:ext uri="{FF2B5EF4-FFF2-40B4-BE49-F238E27FC236}">
                <a16:creationId xmlns:a16="http://schemas.microsoft.com/office/drawing/2014/main" id="{D54ED103-1FAA-4833-B43C-20B93D82E9B7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 bwMode="auto">
          <a:xfrm>
            <a:off x="-60" y="3838574"/>
            <a:ext cx="3969150" cy="3019425"/>
          </a:xfrm>
          <a:custGeom>
            <a:avLst/>
            <a:gdLst>
              <a:gd name="connsiteX0" fmla="*/ 503248 w 3969150"/>
              <a:gd name="connsiteY0" fmla="*/ 0 h 3019425"/>
              <a:gd name="connsiteX1" fmla="*/ 3969150 w 3969150"/>
              <a:gd name="connsiteY1" fmla="*/ 0 h 3019425"/>
              <a:gd name="connsiteX2" fmla="*/ 3969150 w 3969150"/>
              <a:gd name="connsiteY2" fmla="*/ 0 h 3019425"/>
              <a:gd name="connsiteX3" fmla="*/ 3969150 w 3969150"/>
              <a:gd name="connsiteY3" fmla="*/ 2516177 h 3019425"/>
              <a:gd name="connsiteX4" fmla="*/ 3465902 w 3969150"/>
              <a:gd name="connsiteY4" fmla="*/ 3019425 h 3019425"/>
              <a:gd name="connsiteX5" fmla="*/ 0 w 3969150"/>
              <a:gd name="connsiteY5" fmla="*/ 3019425 h 3019425"/>
              <a:gd name="connsiteX6" fmla="*/ 0 w 3969150"/>
              <a:gd name="connsiteY6" fmla="*/ 3019425 h 3019425"/>
              <a:gd name="connsiteX7" fmla="*/ 0 w 3969150"/>
              <a:gd name="connsiteY7" fmla="*/ 503248 h 3019425"/>
              <a:gd name="connsiteX8" fmla="*/ 503248 w 3969150"/>
              <a:gd name="connsiteY8" fmla="*/ 0 h 3019425"/>
              <a:gd name="connsiteX0" fmla="*/ 503248 w 3969150"/>
              <a:gd name="connsiteY0" fmla="*/ 0 h 3019425"/>
              <a:gd name="connsiteX1" fmla="*/ 3969150 w 3969150"/>
              <a:gd name="connsiteY1" fmla="*/ 0 h 3019425"/>
              <a:gd name="connsiteX2" fmla="*/ 3969150 w 3969150"/>
              <a:gd name="connsiteY2" fmla="*/ 0 h 3019425"/>
              <a:gd name="connsiteX3" fmla="*/ 3465902 w 3969150"/>
              <a:gd name="connsiteY3" fmla="*/ 3019425 h 3019425"/>
              <a:gd name="connsiteX4" fmla="*/ 0 w 3969150"/>
              <a:gd name="connsiteY4" fmla="*/ 3019425 h 3019425"/>
              <a:gd name="connsiteX5" fmla="*/ 0 w 3969150"/>
              <a:gd name="connsiteY5" fmla="*/ 3019425 h 3019425"/>
              <a:gd name="connsiteX6" fmla="*/ 0 w 3969150"/>
              <a:gd name="connsiteY6" fmla="*/ 503248 h 3019425"/>
              <a:gd name="connsiteX7" fmla="*/ 503248 w 3969150"/>
              <a:gd name="connsiteY7" fmla="*/ 0 h 3019425"/>
              <a:gd name="connsiteX0" fmla="*/ 503248 w 3969150"/>
              <a:gd name="connsiteY0" fmla="*/ 0 h 3019425"/>
              <a:gd name="connsiteX1" fmla="*/ 3969150 w 3969150"/>
              <a:gd name="connsiteY1" fmla="*/ 0 h 3019425"/>
              <a:gd name="connsiteX2" fmla="*/ 3969150 w 3969150"/>
              <a:gd name="connsiteY2" fmla="*/ 0 h 3019425"/>
              <a:gd name="connsiteX3" fmla="*/ 3955604 w 3969150"/>
              <a:gd name="connsiteY3" fmla="*/ 3019425 h 3019425"/>
              <a:gd name="connsiteX4" fmla="*/ 0 w 3969150"/>
              <a:gd name="connsiteY4" fmla="*/ 3019425 h 3019425"/>
              <a:gd name="connsiteX5" fmla="*/ 0 w 3969150"/>
              <a:gd name="connsiteY5" fmla="*/ 3019425 h 3019425"/>
              <a:gd name="connsiteX6" fmla="*/ 0 w 3969150"/>
              <a:gd name="connsiteY6" fmla="*/ 503248 h 3019425"/>
              <a:gd name="connsiteX7" fmla="*/ 503248 w 3969150"/>
              <a:gd name="connsiteY7" fmla="*/ 0 h 30194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969150" h="3019425">
                <a:moveTo>
                  <a:pt x="503248" y="0"/>
                </a:moveTo>
                <a:lnTo>
                  <a:pt x="3969150" y="0"/>
                </a:lnTo>
                <a:lnTo>
                  <a:pt x="3969150" y="0"/>
                </a:lnTo>
                <a:cubicBezTo>
                  <a:pt x="3964635" y="1006475"/>
                  <a:pt x="3960119" y="2012950"/>
                  <a:pt x="3955604" y="3019425"/>
                </a:cubicBezTo>
                <a:lnTo>
                  <a:pt x="0" y="3019425"/>
                </a:lnTo>
                <a:lnTo>
                  <a:pt x="0" y="3019425"/>
                </a:lnTo>
                <a:lnTo>
                  <a:pt x="0" y="503248"/>
                </a:lnTo>
                <a:cubicBezTo>
                  <a:pt x="0" y="225312"/>
                  <a:pt x="225312" y="0"/>
                  <a:pt x="503248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anchor="ctr">
            <a:normAutofit/>
          </a:bodyPr>
          <a:lstStyle>
            <a:lvl1pPr algn="ctr">
              <a:defRPr sz="1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Your picture goes here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7A59C418-FA3A-42AF-8D8F-4605E06D665E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 bwMode="auto">
          <a:xfrm>
            <a:off x="4111393" y="3838574"/>
            <a:ext cx="3969213" cy="3019425"/>
          </a:xfrm>
          <a:custGeom>
            <a:avLst/>
            <a:gdLst>
              <a:gd name="connsiteX0" fmla="*/ 503248 w 3969213"/>
              <a:gd name="connsiteY0" fmla="*/ 0 h 3019425"/>
              <a:gd name="connsiteX1" fmla="*/ 3969213 w 3969213"/>
              <a:gd name="connsiteY1" fmla="*/ 0 h 3019425"/>
              <a:gd name="connsiteX2" fmla="*/ 3969213 w 3969213"/>
              <a:gd name="connsiteY2" fmla="*/ 0 h 3019425"/>
              <a:gd name="connsiteX3" fmla="*/ 3969213 w 3969213"/>
              <a:gd name="connsiteY3" fmla="*/ 2516177 h 3019425"/>
              <a:gd name="connsiteX4" fmla="*/ 3465965 w 3969213"/>
              <a:gd name="connsiteY4" fmla="*/ 3019425 h 3019425"/>
              <a:gd name="connsiteX5" fmla="*/ 0 w 3969213"/>
              <a:gd name="connsiteY5" fmla="*/ 3019425 h 3019425"/>
              <a:gd name="connsiteX6" fmla="*/ 0 w 3969213"/>
              <a:gd name="connsiteY6" fmla="*/ 3019425 h 3019425"/>
              <a:gd name="connsiteX7" fmla="*/ 0 w 3969213"/>
              <a:gd name="connsiteY7" fmla="*/ 503248 h 3019425"/>
              <a:gd name="connsiteX8" fmla="*/ 503248 w 3969213"/>
              <a:gd name="connsiteY8" fmla="*/ 0 h 3019425"/>
              <a:gd name="connsiteX0" fmla="*/ 503248 w 3969213"/>
              <a:gd name="connsiteY0" fmla="*/ 0 h 3019425"/>
              <a:gd name="connsiteX1" fmla="*/ 3969213 w 3969213"/>
              <a:gd name="connsiteY1" fmla="*/ 0 h 3019425"/>
              <a:gd name="connsiteX2" fmla="*/ 3969213 w 3969213"/>
              <a:gd name="connsiteY2" fmla="*/ 0 h 3019425"/>
              <a:gd name="connsiteX3" fmla="*/ 3969213 w 3969213"/>
              <a:gd name="connsiteY3" fmla="*/ 2516177 h 3019425"/>
              <a:gd name="connsiteX4" fmla="*/ 3465965 w 3969213"/>
              <a:gd name="connsiteY4" fmla="*/ 3019425 h 3019425"/>
              <a:gd name="connsiteX5" fmla="*/ 0 w 3969213"/>
              <a:gd name="connsiteY5" fmla="*/ 3019425 h 3019425"/>
              <a:gd name="connsiteX6" fmla="*/ 0 w 3969213"/>
              <a:gd name="connsiteY6" fmla="*/ 3019425 h 3019425"/>
              <a:gd name="connsiteX7" fmla="*/ 503248 w 3969213"/>
              <a:gd name="connsiteY7" fmla="*/ 0 h 3019425"/>
              <a:gd name="connsiteX0" fmla="*/ 4879 w 3969213"/>
              <a:gd name="connsiteY0" fmla="*/ 4333 h 3019425"/>
              <a:gd name="connsiteX1" fmla="*/ 3969213 w 3969213"/>
              <a:gd name="connsiteY1" fmla="*/ 0 h 3019425"/>
              <a:gd name="connsiteX2" fmla="*/ 3969213 w 3969213"/>
              <a:gd name="connsiteY2" fmla="*/ 0 h 3019425"/>
              <a:gd name="connsiteX3" fmla="*/ 3969213 w 3969213"/>
              <a:gd name="connsiteY3" fmla="*/ 2516177 h 3019425"/>
              <a:gd name="connsiteX4" fmla="*/ 3465965 w 3969213"/>
              <a:gd name="connsiteY4" fmla="*/ 3019425 h 3019425"/>
              <a:gd name="connsiteX5" fmla="*/ 0 w 3969213"/>
              <a:gd name="connsiteY5" fmla="*/ 3019425 h 3019425"/>
              <a:gd name="connsiteX6" fmla="*/ 0 w 3969213"/>
              <a:gd name="connsiteY6" fmla="*/ 3019425 h 3019425"/>
              <a:gd name="connsiteX7" fmla="*/ 4879 w 3969213"/>
              <a:gd name="connsiteY7" fmla="*/ 4333 h 30194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969213" h="3019425">
                <a:moveTo>
                  <a:pt x="4879" y="4333"/>
                </a:moveTo>
                <a:lnTo>
                  <a:pt x="3969213" y="0"/>
                </a:lnTo>
                <a:lnTo>
                  <a:pt x="3969213" y="0"/>
                </a:lnTo>
                <a:lnTo>
                  <a:pt x="3969213" y="2516177"/>
                </a:lnTo>
                <a:cubicBezTo>
                  <a:pt x="3969213" y="2794113"/>
                  <a:pt x="3743901" y="3019425"/>
                  <a:pt x="3465965" y="3019425"/>
                </a:cubicBezTo>
                <a:lnTo>
                  <a:pt x="0" y="3019425"/>
                </a:lnTo>
                <a:lnTo>
                  <a:pt x="0" y="3019425"/>
                </a:lnTo>
                <a:cubicBezTo>
                  <a:pt x="1626" y="2014394"/>
                  <a:pt x="3253" y="1009364"/>
                  <a:pt x="4879" y="4333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anchor="ctr">
            <a:normAutofit/>
          </a:bodyPr>
          <a:lstStyle>
            <a:lvl1pPr algn="ctr">
              <a:defRPr sz="1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Your picture goes here</a:t>
            </a:r>
          </a:p>
        </p:txBody>
      </p:sp>
      <p:sp>
        <p:nvSpPr>
          <p:cNvPr id="10" name="Picture Placeholder 8">
            <a:extLst>
              <a:ext uri="{FF2B5EF4-FFF2-40B4-BE49-F238E27FC236}">
                <a16:creationId xmlns:a16="http://schemas.microsoft.com/office/drawing/2014/main" id="{0EF9E09E-9C28-431E-97A9-CBA36D9983B5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8218955" y="3838574"/>
            <a:ext cx="3973045" cy="3019425"/>
          </a:xfrm>
          <a:prstGeom prst="round1Rect">
            <a:avLst/>
          </a:prstGeo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algn="ctr">
              <a:defRPr sz="1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Your picture goes here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DFD54F76-C699-4BE5-BD2B-7AB96F7CD7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467100" y="1665289"/>
            <a:ext cx="5040000" cy="430212"/>
          </a:xfrm>
        </p:spPr>
        <p:txBody>
          <a:bodyPr anchor="b"/>
          <a:lstStyle>
            <a:lvl1pPr algn="ctr">
              <a:defRPr b="0"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7C58AB4A-5618-4E55-BB35-E204DCEEE4C9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3467100" y="2243652"/>
            <a:ext cx="5040000" cy="1077398"/>
          </a:xfrm>
        </p:spPr>
        <p:txBody>
          <a:bodyPr/>
          <a:lstStyle>
            <a:lvl1pPr marL="0" indent="0" algn="ctr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EB27E9B-CF4A-13F1-00CB-3FDA3A3FC8F6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69188348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ide: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F91B5A5E-FD55-4527-9E43-745CBAF666DC}"/>
              </a:ext>
            </a:extLst>
          </p:cNvPr>
          <p:cNvSpPr>
            <a:spLocks noGrp="1" noChangeAspect="1"/>
          </p:cNvSpPr>
          <p:nvPr>
            <p:ph type="pic" sz="quarter" idx="21"/>
          </p:nvPr>
        </p:nvSpPr>
        <p:spPr bwMode="auto">
          <a:xfrm>
            <a:off x="4367214" y="-2811"/>
            <a:ext cx="2557422" cy="3326456"/>
          </a:xfrm>
          <a:custGeom>
            <a:avLst/>
            <a:gdLst>
              <a:gd name="connsiteX0" fmla="*/ 426246 w 2557422"/>
              <a:gd name="connsiteY0" fmla="*/ 0 h 3326456"/>
              <a:gd name="connsiteX1" fmla="*/ 2557422 w 2557422"/>
              <a:gd name="connsiteY1" fmla="*/ 0 h 3326456"/>
              <a:gd name="connsiteX2" fmla="*/ 2557422 w 2557422"/>
              <a:gd name="connsiteY2" fmla="*/ 0 h 3326456"/>
              <a:gd name="connsiteX3" fmla="*/ 2557422 w 2557422"/>
              <a:gd name="connsiteY3" fmla="*/ 2900210 h 3326456"/>
              <a:gd name="connsiteX4" fmla="*/ 2131176 w 2557422"/>
              <a:gd name="connsiteY4" fmla="*/ 3326456 h 3326456"/>
              <a:gd name="connsiteX5" fmla="*/ 0 w 2557422"/>
              <a:gd name="connsiteY5" fmla="*/ 3326456 h 3326456"/>
              <a:gd name="connsiteX6" fmla="*/ 0 w 2557422"/>
              <a:gd name="connsiteY6" fmla="*/ 3326456 h 3326456"/>
              <a:gd name="connsiteX7" fmla="*/ 0 w 2557422"/>
              <a:gd name="connsiteY7" fmla="*/ 426246 h 3326456"/>
              <a:gd name="connsiteX8" fmla="*/ 426246 w 2557422"/>
              <a:gd name="connsiteY8" fmla="*/ 0 h 3326456"/>
              <a:gd name="connsiteX0" fmla="*/ 426246 w 2557422"/>
              <a:gd name="connsiteY0" fmla="*/ 0 h 3326456"/>
              <a:gd name="connsiteX1" fmla="*/ 2557422 w 2557422"/>
              <a:gd name="connsiteY1" fmla="*/ 0 h 3326456"/>
              <a:gd name="connsiteX2" fmla="*/ 2557422 w 2557422"/>
              <a:gd name="connsiteY2" fmla="*/ 0 h 3326456"/>
              <a:gd name="connsiteX3" fmla="*/ 2131176 w 2557422"/>
              <a:gd name="connsiteY3" fmla="*/ 3326456 h 3326456"/>
              <a:gd name="connsiteX4" fmla="*/ 0 w 2557422"/>
              <a:gd name="connsiteY4" fmla="*/ 3326456 h 3326456"/>
              <a:gd name="connsiteX5" fmla="*/ 0 w 2557422"/>
              <a:gd name="connsiteY5" fmla="*/ 3326456 h 3326456"/>
              <a:gd name="connsiteX6" fmla="*/ 0 w 2557422"/>
              <a:gd name="connsiteY6" fmla="*/ 426246 h 3326456"/>
              <a:gd name="connsiteX7" fmla="*/ 426246 w 2557422"/>
              <a:gd name="connsiteY7" fmla="*/ 0 h 3326456"/>
              <a:gd name="connsiteX0" fmla="*/ 426246 w 2557422"/>
              <a:gd name="connsiteY0" fmla="*/ 0 h 3326456"/>
              <a:gd name="connsiteX1" fmla="*/ 2557422 w 2557422"/>
              <a:gd name="connsiteY1" fmla="*/ 0 h 3326456"/>
              <a:gd name="connsiteX2" fmla="*/ 2557422 w 2557422"/>
              <a:gd name="connsiteY2" fmla="*/ 0 h 3326456"/>
              <a:gd name="connsiteX3" fmla="*/ 2554192 w 2557422"/>
              <a:gd name="connsiteY3" fmla="*/ 3324319 h 3326456"/>
              <a:gd name="connsiteX4" fmla="*/ 0 w 2557422"/>
              <a:gd name="connsiteY4" fmla="*/ 3326456 h 3326456"/>
              <a:gd name="connsiteX5" fmla="*/ 0 w 2557422"/>
              <a:gd name="connsiteY5" fmla="*/ 3326456 h 3326456"/>
              <a:gd name="connsiteX6" fmla="*/ 0 w 2557422"/>
              <a:gd name="connsiteY6" fmla="*/ 426246 h 3326456"/>
              <a:gd name="connsiteX7" fmla="*/ 426246 w 2557422"/>
              <a:gd name="connsiteY7" fmla="*/ 0 h 33264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2557422" h="3326456">
                <a:moveTo>
                  <a:pt x="426246" y="0"/>
                </a:moveTo>
                <a:lnTo>
                  <a:pt x="2557422" y="0"/>
                </a:lnTo>
                <a:lnTo>
                  <a:pt x="2557422" y="0"/>
                </a:lnTo>
                <a:cubicBezTo>
                  <a:pt x="2556345" y="1108106"/>
                  <a:pt x="2555269" y="2216213"/>
                  <a:pt x="2554192" y="3324319"/>
                </a:cubicBezTo>
                <a:lnTo>
                  <a:pt x="0" y="3326456"/>
                </a:lnTo>
                <a:lnTo>
                  <a:pt x="0" y="3326456"/>
                </a:lnTo>
                <a:lnTo>
                  <a:pt x="0" y="426246"/>
                </a:lnTo>
                <a:cubicBezTo>
                  <a:pt x="0" y="190837"/>
                  <a:pt x="190837" y="0"/>
                  <a:pt x="426246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>
            <a:normAutofit/>
          </a:bodyPr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0F2184D6-6298-4D58-BBDE-0A97FB62E2C5}"/>
              </a:ext>
            </a:extLst>
          </p:cNvPr>
          <p:cNvSpPr>
            <a:spLocks noGrp="1" noChangeAspect="1"/>
          </p:cNvSpPr>
          <p:nvPr>
            <p:ph type="pic" sz="quarter" idx="22"/>
          </p:nvPr>
        </p:nvSpPr>
        <p:spPr bwMode="auto">
          <a:xfrm>
            <a:off x="4367214" y="3466640"/>
            <a:ext cx="2560220" cy="3394041"/>
          </a:xfrm>
          <a:custGeom>
            <a:avLst/>
            <a:gdLst>
              <a:gd name="connsiteX0" fmla="*/ 0 w 2557421"/>
              <a:gd name="connsiteY0" fmla="*/ 426245 h 3373576"/>
              <a:gd name="connsiteX1" fmla="*/ 426245 w 2557421"/>
              <a:gd name="connsiteY1" fmla="*/ 0 h 3373576"/>
              <a:gd name="connsiteX2" fmla="*/ 2131176 w 2557421"/>
              <a:gd name="connsiteY2" fmla="*/ 0 h 3373576"/>
              <a:gd name="connsiteX3" fmla="*/ 2557421 w 2557421"/>
              <a:gd name="connsiteY3" fmla="*/ 426245 h 3373576"/>
              <a:gd name="connsiteX4" fmla="*/ 2557421 w 2557421"/>
              <a:gd name="connsiteY4" fmla="*/ 2947331 h 3373576"/>
              <a:gd name="connsiteX5" fmla="*/ 2131176 w 2557421"/>
              <a:gd name="connsiteY5" fmla="*/ 3373576 h 3373576"/>
              <a:gd name="connsiteX6" fmla="*/ 426245 w 2557421"/>
              <a:gd name="connsiteY6" fmla="*/ 3373576 h 3373576"/>
              <a:gd name="connsiteX7" fmla="*/ 0 w 2557421"/>
              <a:gd name="connsiteY7" fmla="*/ 2947331 h 3373576"/>
              <a:gd name="connsiteX8" fmla="*/ 0 w 2557421"/>
              <a:gd name="connsiteY8" fmla="*/ 426245 h 3373576"/>
              <a:gd name="connsiteX0" fmla="*/ 0 w 2557421"/>
              <a:gd name="connsiteY0" fmla="*/ 2947331 h 3373576"/>
              <a:gd name="connsiteX1" fmla="*/ 426245 w 2557421"/>
              <a:gd name="connsiteY1" fmla="*/ 0 h 3373576"/>
              <a:gd name="connsiteX2" fmla="*/ 2131176 w 2557421"/>
              <a:gd name="connsiteY2" fmla="*/ 0 h 3373576"/>
              <a:gd name="connsiteX3" fmla="*/ 2557421 w 2557421"/>
              <a:gd name="connsiteY3" fmla="*/ 426245 h 3373576"/>
              <a:gd name="connsiteX4" fmla="*/ 2557421 w 2557421"/>
              <a:gd name="connsiteY4" fmla="*/ 2947331 h 3373576"/>
              <a:gd name="connsiteX5" fmla="*/ 2131176 w 2557421"/>
              <a:gd name="connsiteY5" fmla="*/ 3373576 h 3373576"/>
              <a:gd name="connsiteX6" fmla="*/ 426245 w 2557421"/>
              <a:gd name="connsiteY6" fmla="*/ 3373576 h 3373576"/>
              <a:gd name="connsiteX7" fmla="*/ 0 w 2557421"/>
              <a:gd name="connsiteY7" fmla="*/ 2947331 h 3373576"/>
              <a:gd name="connsiteX0" fmla="*/ 0 w 2557421"/>
              <a:gd name="connsiteY0" fmla="*/ 2951706 h 3377951"/>
              <a:gd name="connsiteX1" fmla="*/ 1858 w 2557421"/>
              <a:gd name="connsiteY1" fmla="*/ 0 h 3377951"/>
              <a:gd name="connsiteX2" fmla="*/ 2131176 w 2557421"/>
              <a:gd name="connsiteY2" fmla="*/ 4375 h 3377951"/>
              <a:gd name="connsiteX3" fmla="*/ 2557421 w 2557421"/>
              <a:gd name="connsiteY3" fmla="*/ 430620 h 3377951"/>
              <a:gd name="connsiteX4" fmla="*/ 2557421 w 2557421"/>
              <a:gd name="connsiteY4" fmla="*/ 2951706 h 3377951"/>
              <a:gd name="connsiteX5" fmla="*/ 2131176 w 2557421"/>
              <a:gd name="connsiteY5" fmla="*/ 3377951 h 3377951"/>
              <a:gd name="connsiteX6" fmla="*/ 426245 w 2557421"/>
              <a:gd name="connsiteY6" fmla="*/ 3377951 h 3377951"/>
              <a:gd name="connsiteX7" fmla="*/ 0 w 2557421"/>
              <a:gd name="connsiteY7" fmla="*/ 2951706 h 3377951"/>
              <a:gd name="connsiteX0" fmla="*/ 0 w 2557421"/>
              <a:gd name="connsiteY0" fmla="*/ 2951706 h 3377951"/>
              <a:gd name="connsiteX1" fmla="*/ 1858 w 2557421"/>
              <a:gd name="connsiteY1" fmla="*/ 0 h 3377951"/>
              <a:gd name="connsiteX2" fmla="*/ 2557421 w 2557421"/>
              <a:gd name="connsiteY2" fmla="*/ 430620 h 3377951"/>
              <a:gd name="connsiteX3" fmla="*/ 2557421 w 2557421"/>
              <a:gd name="connsiteY3" fmla="*/ 2951706 h 3377951"/>
              <a:gd name="connsiteX4" fmla="*/ 2131176 w 2557421"/>
              <a:gd name="connsiteY4" fmla="*/ 3377951 h 3377951"/>
              <a:gd name="connsiteX5" fmla="*/ 426245 w 2557421"/>
              <a:gd name="connsiteY5" fmla="*/ 3377951 h 3377951"/>
              <a:gd name="connsiteX6" fmla="*/ 0 w 2557421"/>
              <a:gd name="connsiteY6" fmla="*/ 2951706 h 3377951"/>
              <a:gd name="connsiteX0" fmla="*/ 0 w 2557421"/>
              <a:gd name="connsiteY0" fmla="*/ 2960856 h 3387101"/>
              <a:gd name="connsiteX1" fmla="*/ 1858 w 2557421"/>
              <a:gd name="connsiteY1" fmla="*/ 9150 h 3387101"/>
              <a:gd name="connsiteX2" fmla="*/ 2554739 w 2557421"/>
              <a:gd name="connsiteY2" fmla="*/ 0 h 3387101"/>
              <a:gd name="connsiteX3" fmla="*/ 2557421 w 2557421"/>
              <a:gd name="connsiteY3" fmla="*/ 2960856 h 3387101"/>
              <a:gd name="connsiteX4" fmla="*/ 2131176 w 2557421"/>
              <a:gd name="connsiteY4" fmla="*/ 3387101 h 3387101"/>
              <a:gd name="connsiteX5" fmla="*/ 426245 w 2557421"/>
              <a:gd name="connsiteY5" fmla="*/ 3387101 h 3387101"/>
              <a:gd name="connsiteX6" fmla="*/ 0 w 2557421"/>
              <a:gd name="connsiteY6" fmla="*/ 2960856 h 3387101"/>
              <a:gd name="connsiteX0" fmla="*/ 0 w 2557421"/>
              <a:gd name="connsiteY0" fmla="*/ 2965114 h 3391359"/>
              <a:gd name="connsiteX1" fmla="*/ 4539 w 2557421"/>
              <a:gd name="connsiteY1" fmla="*/ 0 h 3391359"/>
              <a:gd name="connsiteX2" fmla="*/ 2554739 w 2557421"/>
              <a:gd name="connsiteY2" fmla="*/ 4258 h 3391359"/>
              <a:gd name="connsiteX3" fmla="*/ 2557421 w 2557421"/>
              <a:gd name="connsiteY3" fmla="*/ 2965114 h 3391359"/>
              <a:gd name="connsiteX4" fmla="*/ 2131176 w 2557421"/>
              <a:gd name="connsiteY4" fmla="*/ 3391359 h 3391359"/>
              <a:gd name="connsiteX5" fmla="*/ 426245 w 2557421"/>
              <a:gd name="connsiteY5" fmla="*/ 3391359 h 3391359"/>
              <a:gd name="connsiteX6" fmla="*/ 0 w 2557421"/>
              <a:gd name="connsiteY6" fmla="*/ 2965114 h 3391359"/>
              <a:gd name="connsiteX0" fmla="*/ 0 w 2554739"/>
              <a:gd name="connsiteY0" fmla="*/ 2965114 h 3391359"/>
              <a:gd name="connsiteX1" fmla="*/ 4539 w 2554739"/>
              <a:gd name="connsiteY1" fmla="*/ 0 h 3391359"/>
              <a:gd name="connsiteX2" fmla="*/ 2554739 w 2554739"/>
              <a:gd name="connsiteY2" fmla="*/ 4258 h 3391359"/>
              <a:gd name="connsiteX3" fmla="*/ 2131176 w 2554739"/>
              <a:gd name="connsiteY3" fmla="*/ 3391359 h 3391359"/>
              <a:gd name="connsiteX4" fmla="*/ 426245 w 2554739"/>
              <a:gd name="connsiteY4" fmla="*/ 3391359 h 3391359"/>
              <a:gd name="connsiteX5" fmla="*/ 0 w 2554739"/>
              <a:gd name="connsiteY5" fmla="*/ 2965114 h 3391359"/>
              <a:gd name="connsiteX0" fmla="*/ 0 w 2560220"/>
              <a:gd name="connsiteY0" fmla="*/ 2965114 h 3394041"/>
              <a:gd name="connsiteX1" fmla="*/ 4539 w 2560220"/>
              <a:gd name="connsiteY1" fmla="*/ 0 h 3394041"/>
              <a:gd name="connsiteX2" fmla="*/ 2554739 w 2560220"/>
              <a:gd name="connsiteY2" fmla="*/ 4258 h 3394041"/>
              <a:gd name="connsiteX3" fmla="*/ 2560220 w 2560220"/>
              <a:gd name="connsiteY3" fmla="*/ 3394041 h 3394041"/>
              <a:gd name="connsiteX4" fmla="*/ 426245 w 2560220"/>
              <a:gd name="connsiteY4" fmla="*/ 3391359 h 3394041"/>
              <a:gd name="connsiteX5" fmla="*/ 0 w 2560220"/>
              <a:gd name="connsiteY5" fmla="*/ 2965114 h 3394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560220" h="3394041">
                <a:moveTo>
                  <a:pt x="0" y="2965114"/>
                </a:moveTo>
                <a:cubicBezTo>
                  <a:pt x="619" y="1981212"/>
                  <a:pt x="3920" y="983902"/>
                  <a:pt x="4539" y="0"/>
                </a:cubicBezTo>
                <a:lnTo>
                  <a:pt x="2554739" y="4258"/>
                </a:lnTo>
                <a:lnTo>
                  <a:pt x="2560220" y="3394041"/>
                </a:lnTo>
                <a:lnTo>
                  <a:pt x="426245" y="3391359"/>
                </a:lnTo>
                <a:cubicBezTo>
                  <a:pt x="190836" y="3391359"/>
                  <a:pt x="0" y="3200523"/>
                  <a:pt x="0" y="2965114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>
            <a:normAutofit/>
          </a:bodyPr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7" name="Picture Placeholder 2">
            <a:extLst>
              <a:ext uri="{FF2B5EF4-FFF2-40B4-BE49-F238E27FC236}">
                <a16:creationId xmlns:a16="http://schemas.microsoft.com/office/drawing/2014/main" id="{A06FBBAB-8191-4F7F-A4D5-5CD8F4BBB055}"/>
              </a:ext>
            </a:extLst>
          </p:cNvPr>
          <p:cNvSpPr>
            <a:spLocks noGrp="1" noChangeAspect="1"/>
          </p:cNvSpPr>
          <p:nvPr>
            <p:ph type="pic" sz="quarter" idx="23"/>
          </p:nvPr>
        </p:nvSpPr>
        <p:spPr>
          <a:xfrm>
            <a:off x="7067549" y="0"/>
            <a:ext cx="2557464" cy="2420938"/>
          </a:xfrm>
          <a:solidFill>
            <a:schemeClr val="bg1">
              <a:lumMod val="95000"/>
            </a:schemeClr>
          </a:solidFill>
          <a:ln>
            <a:noFill/>
          </a:ln>
        </p:spPr>
        <p:txBody>
          <a:bodyPr>
            <a:normAutofit/>
          </a:bodyPr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352ADC52-B70C-4E68-AD1F-E6C61DD24DBE}"/>
              </a:ext>
            </a:extLst>
          </p:cNvPr>
          <p:cNvSpPr>
            <a:spLocks noGrp="1" noChangeAspect="1"/>
          </p:cNvSpPr>
          <p:nvPr>
            <p:ph type="pic" sz="quarter" idx="24"/>
          </p:nvPr>
        </p:nvSpPr>
        <p:spPr>
          <a:xfrm>
            <a:off x="7067550" y="2586744"/>
            <a:ext cx="2557463" cy="4271256"/>
          </a:xfrm>
          <a:solidFill>
            <a:schemeClr val="bg1">
              <a:lumMod val="95000"/>
            </a:schemeClr>
          </a:solidFill>
          <a:ln>
            <a:noFill/>
          </a:ln>
        </p:spPr>
        <p:txBody>
          <a:bodyPr>
            <a:normAutofit/>
          </a:bodyPr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3DB9F478-AD99-47B3-957E-7595C7616A87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9767889" y="-2812"/>
            <a:ext cx="2424111" cy="4260487"/>
          </a:xfrm>
          <a:solidFill>
            <a:schemeClr val="bg1">
              <a:lumMod val="95000"/>
            </a:schemeClr>
          </a:solidFill>
          <a:ln>
            <a:noFill/>
          </a:ln>
        </p:spPr>
        <p:txBody>
          <a:bodyPr>
            <a:normAutofit/>
          </a:bodyPr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992FDA23-FF32-4E40-8D64-D86C6206C734}"/>
              </a:ext>
            </a:extLst>
          </p:cNvPr>
          <p:cNvSpPr>
            <a:spLocks noGrp="1" noChangeAspect="1"/>
          </p:cNvSpPr>
          <p:nvPr>
            <p:ph type="pic" sz="quarter" idx="26"/>
          </p:nvPr>
        </p:nvSpPr>
        <p:spPr>
          <a:xfrm>
            <a:off x="9767928" y="4400550"/>
            <a:ext cx="2434025" cy="2460568"/>
          </a:xfrm>
          <a:solidFill>
            <a:schemeClr val="bg1">
              <a:lumMod val="95000"/>
            </a:schemeClr>
          </a:solidFill>
          <a:ln>
            <a:noFill/>
          </a:ln>
        </p:spPr>
        <p:txBody>
          <a:bodyPr>
            <a:normAutofit/>
          </a:bodyPr>
          <a:lstStyle>
            <a:lvl1pPr>
              <a:defRPr sz="1400"/>
            </a:lvl1pPr>
          </a:lstStyle>
          <a:p>
            <a:endParaRPr lang="en-US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FD362106-CA50-01DA-CF88-059CB27A1F7C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  <p:sp>
        <p:nvSpPr>
          <p:cNvPr id="12" name="Title 2">
            <a:extLst>
              <a:ext uri="{FF2B5EF4-FFF2-40B4-BE49-F238E27FC236}">
                <a16:creationId xmlns:a16="http://schemas.microsoft.com/office/drawing/2014/main" id="{FC3E5E01-3254-40F6-B7E5-05309A8C4A5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350" y="2579689"/>
            <a:ext cx="3086834" cy="741361"/>
          </a:xfrm>
        </p:spPr>
        <p:txBody>
          <a:bodyPr anchor="t"/>
          <a:lstStyle>
            <a:lvl1pPr>
              <a:lnSpc>
                <a:spcPct val="100000"/>
              </a:lnSpc>
              <a:defRPr b="0"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9FEC863B-1A7A-4F6A-8B4A-585128F6748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49" y="3559548"/>
            <a:ext cx="3086835" cy="841001"/>
          </a:xfrm>
        </p:spPr>
        <p:txBody>
          <a:bodyPr/>
          <a:lstStyle>
            <a:lvl1pPr marL="0" indent="0">
              <a:buNone/>
              <a:defRPr sz="1600">
                <a:solidFill>
                  <a:schemeClr val="tx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Prostokąt 17">
            <a:extLst>
              <a:ext uri="{FF2B5EF4-FFF2-40B4-BE49-F238E27FC236}">
                <a16:creationId xmlns:a16="http://schemas.microsoft.com/office/drawing/2014/main" id="{4E03806A-D689-4A97-BE1E-CAF2C2CEB9C8}"/>
              </a:ext>
            </a:extLst>
          </p:cNvPr>
          <p:cNvSpPr/>
          <p:nvPr userDrawn="1"/>
        </p:nvSpPr>
        <p:spPr>
          <a:xfrm>
            <a:off x="0" y="2662751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2190515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t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013B5A90-FE37-4646-9636-A67FF8A29C3D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768349" y="4400551"/>
            <a:ext cx="5040000" cy="757238"/>
          </a:xfrm>
        </p:spPr>
        <p:txBody>
          <a:bodyPr/>
          <a:lstStyle>
            <a:lvl1pPr marL="0" indent="0">
              <a:buNone/>
              <a:defRPr sz="18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BD6FF5E4-43AA-44E5-AFA2-C11B68D6E5DB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768349" y="2190307"/>
            <a:ext cx="5040000" cy="230631"/>
          </a:xfrm>
        </p:spPr>
        <p:txBody>
          <a:bodyPr anchor="b"/>
          <a:lstStyle>
            <a:lvl1pPr marL="0" indent="0">
              <a:buFontTx/>
              <a:buNone/>
              <a:defRPr spc="300">
                <a:solidFill>
                  <a:schemeClr val="accent1"/>
                </a:solidFill>
                <a:latin typeface="Chivo Bold" panose="00000500000000000000" pitchFamily="2" charset="0"/>
              </a:defRPr>
            </a:lvl1pPr>
            <a:lvl2pPr marL="457200" indent="0">
              <a:buNone/>
              <a:defRPr/>
            </a:lvl2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9CAFBF41-076E-4A6F-A6B5-1FE94B9D3F7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8349" y="2600326"/>
            <a:ext cx="5040000" cy="1620837"/>
          </a:xfrm>
        </p:spPr>
        <p:txBody>
          <a:bodyPr anchor="t"/>
          <a:lstStyle>
            <a:lvl1pPr marL="0" indent="0">
              <a:spcBef>
                <a:spcPts val="600"/>
              </a:spcBef>
              <a:buNone/>
              <a:defRPr sz="5200" b="0">
                <a:solidFill>
                  <a:schemeClr val="tx1"/>
                </a:solidFill>
                <a:latin typeface="Chivo Bold" panose="00000500000000000000" pitchFamily="2" charset="0"/>
              </a:defRPr>
            </a:lvl1pPr>
            <a:lvl2pPr>
              <a:defRPr>
                <a:solidFill>
                  <a:schemeClr val="bg2"/>
                </a:solidFill>
                <a:latin typeface="+mj-lt"/>
              </a:defRPr>
            </a:lvl2pPr>
            <a:lvl3pPr>
              <a:defRPr>
                <a:solidFill>
                  <a:schemeClr val="bg2"/>
                </a:solidFill>
                <a:latin typeface="+mj-lt"/>
              </a:defRPr>
            </a:lvl3pPr>
            <a:lvl4pPr>
              <a:defRPr>
                <a:solidFill>
                  <a:schemeClr val="bg2"/>
                </a:solidFill>
                <a:latin typeface="+mj-lt"/>
              </a:defRPr>
            </a:lvl4pPr>
            <a:lvl5pPr>
              <a:defRPr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</a:t>
            </a:r>
            <a:endParaRPr lang="en-GB" dirty="0"/>
          </a:p>
        </p:txBody>
      </p:sp>
      <p:sp>
        <p:nvSpPr>
          <p:cNvPr id="9" name="Content Placeholder 25">
            <a:extLst>
              <a:ext uri="{FF2B5EF4-FFF2-40B4-BE49-F238E27FC236}">
                <a16:creationId xmlns:a16="http://schemas.microsoft.com/office/drawing/2014/main" id="{E32E2520-C0CA-4FF9-B3F8-6F25224BC722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6924675" y="390525"/>
            <a:ext cx="4498975" cy="6467475"/>
          </a:xfrm>
        </p:spPr>
        <p:txBody>
          <a:bodyPr/>
          <a:lstStyle>
            <a:lvl1pPr marL="0" indent="0">
              <a:buFontTx/>
              <a:buNone/>
              <a:defRPr sz="18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Add Image</a:t>
            </a:r>
          </a:p>
        </p:txBody>
      </p:sp>
      <p:sp>
        <p:nvSpPr>
          <p:cNvPr id="2" name="Prostokąt 17">
            <a:extLst>
              <a:ext uri="{FF2B5EF4-FFF2-40B4-BE49-F238E27FC236}">
                <a16:creationId xmlns:a16="http://schemas.microsoft.com/office/drawing/2014/main" id="{7C695207-6934-B2DC-17E8-0AD969C20D9D}"/>
              </a:ext>
            </a:extLst>
          </p:cNvPr>
          <p:cNvSpPr/>
          <p:nvPr userDrawn="1"/>
        </p:nvSpPr>
        <p:spPr>
          <a:xfrm>
            <a:off x="0" y="2741005"/>
            <a:ext cx="576000" cy="14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CBF80367-7E28-E6CF-B0EB-A6DBBF0B048F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25170733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&amp;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5">
            <a:extLst>
              <a:ext uri="{FF2B5EF4-FFF2-40B4-BE49-F238E27FC236}">
                <a16:creationId xmlns:a16="http://schemas.microsoft.com/office/drawing/2014/main" id="{1652AC49-9A6E-4CB2-AE6A-3694C43BB2E8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6924675" y="390525"/>
            <a:ext cx="4498975" cy="6467475"/>
          </a:xfrm>
        </p:spPr>
        <p:txBody>
          <a:bodyPr/>
          <a:lstStyle>
            <a:lvl1pPr marL="0" indent="0">
              <a:buFontTx/>
              <a:buNone/>
              <a:defRPr sz="18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Add Imag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AE09805B-2C41-40B7-BC28-2B4A131FC3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68111" y="4400550"/>
            <a:ext cx="5256452" cy="299905"/>
          </a:xfrm>
        </p:spPr>
        <p:txBody>
          <a:bodyPr anchor="ctr">
            <a:noAutofit/>
          </a:bodyPr>
          <a:lstStyle>
            <a:lvl1pPr marL="0" indent="0">
              <a:buFont typeface="Arial" panose="020B0604020202020204" pitchFamily="34" charset="0"/>
              <a:buNone/>
              <a:defRPr sz="1400">
                <a:solidFill>
                  <a:schemeClr val="tx2"/>
                </a:solidFill>
                <a:latin typeface="Chivo Bold" panose="00000500000000000000" pitchFamily="2" charset="0"/>
              </a:defRPr>
            </a:lvl1pPr>
            <a:lvl2pPr marL="457212" indent="0">
              <a:buFont typeface="Arial" panose="020B0604020202020204" pitchFamily="34" charset="0"/>
              <a:buNone/>
              <a:defRPr/>
            </a:lvl2pPr>
            <a:lvl3pPr marL="914423" indent="0">
              <a:buFont typeface="Arial" panose="020B0604020202020204" pitchFamily="34" charset="0"/>
              <a:buNone/>
              <a:defRPr/>
            </a:lvl3pPr>
            <a:lvl4pPr marL="1371635" indent="0">
              <a:buFont typeface="Arial" panose="020B0604020202020204" pitchFamily="34" charset="0"/>
              <a:buNone/>
              <a:defRPr/>
            </a:lvl4pPr>
            <a:lvl5pPr marL="1828846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9407941A-19E3-43EA-B0CE-59F1A986E8D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68111" y="4729889"/>
            <a:ext cx="5256452" cy="299905"/>
          </a:xfrm>
        </p:spPr>
        <p:txBody>
          <a:bodyPr anchor="ctr">
            <a:noAutofit/>
          </a:bodyPr>
          <a:lstStyle>
            <a:lvl1pPr marL="0" indent="0">
              <a:buFont typeface="Arial" panose="020B0604020202020204" pitchFamily="34" charset="0"/>
              <a:buNone/>
              <a:defRPr sz="1400" b="1">
                <a:solidFill>
                  <a:schemeClr val="tx2"/>
                </a:solidFill>
                <a:latin typeface="+mn-lt"/>
              </a:defRPr>
            </a:lvl1pPr>
            <a:lvl2pPr marL="457212" indent="0">
              <a:buFont typeface="Arial" panose="020B0604020202020204" pitchFamily="34" charset="0"/>
              <a:buNone/>
              <a:defRPr/>
            </a:lvl2pPr>
            <a:lvl3pPr marL="914423" indent="0">
              <a:buFont typeface="Arial" panose="020B0604020202020204" pitchFamily="34" charset="0"/>
              <a:buNone/>
              <a:defRPr/>
            </a:lvl3pPr>
            <a:lvl4pPr marL="1371635" indent="0">
              <a:buFont typeface="Arial" panose="020B0604020202020204" pitchFamily="34" charset="0"/>
              <a:buNone/>
              <a:defRPr/>
            </a:lvl4pPr>
            <a:lvl5pPr marL="1828846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8" name="Text Placeholder 3">
            <a:extLst>
              <a:ext uri="{FF2B5EF4-FFF2-40B4-BE49-F238E27FC236}">
                <a16:creationId xmlns:a16="http://schemas.microsoft.com/office/drawing/2014/main" id="{EE8BA0BC-9350-44C3-8DC2-90EE1817BB2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8349" y="1665288"/>
            <a:ext cx="5256213" cy="2555875"/>
          </a:xfrm>
        </p:spPr>
        <p:txBody>
          <a:bodyPr anchor="b"/>
          <a:lstStyle>
            <a:lvl1pPr marL="0" indent="0">
              <a:spcBef>
                <a:spcPts val="600"/>
              </a:spcBef>
              <a:buNone/>
              <a:defRPr sz="2800" i="1">
                <a:solidFill>
                  <a:schemeClr val="tx1"/>
                </a:solidFill>
                <a:latin typeface="+mn-lt"/>
              </a:defRPr>
            </a:lvl1pPr>
            <a:lvl2pPr>
              <a:defRPr>
                <a:solidFill>
                  <a:schemeClr val="bg2"/>
                </a:solidFill>
                <a:latin typeface="+mj-lt"/>
              </a:defRPr>
            </a:lvl2pPr>
            <a:lvl3pPr>
              <a:defRPr>
                <a:solidFill>
                  <a:schemeClr val="bg2"/>
                </a:solidFill>
                <a:latin typeface="+mj-lt"/>
              </a:defRPr>
            </a:lvl3pPr>
            <a:lvl4pPr>
              <a:defRPr>
                <a:solidFill>
                  <a:schemeClr val="bg2"/>
                </a:solidFill>
                <a:latin typeface="+mj-lt"/>
              </a:defRPr>
            </a:lvl4pPr>
            <a:lvl5pPr>
              <a:defRPr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B1625EF5-392B-4C14-86C1-5C8342A5B975}"/>
              </a:ext>
            </a:extLst>
          </p:cNvPr>
          <p:cNvSpPr/>
          <p:nvPr userDrawn="1"/>
        </p:nvSpPr>
        <p:spPr>
          <a:xfrm rot="5400000">
            <a:off x="10731975" y="4632799"/>
            <a:ext cx="216000" cy="2704052"/>
          </a:xfrm>
          <a:prstGeom prst="rect">
            <a:avLst/>
          </a:prstGeom>
          <a:solidFill>
            <a:schemeClr val="accent1"/>
          </a:solidFill>
          <a:ln w="254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GB" sz="1200" dirty="0">
              <a:solidFill>
                <a:schemeClr val="tx2"/>
              </a:solidFill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DCECAC89-3494-A71A-EF39-52D2D15CC2BE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61826805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5A8E50-C077-46E9-B223-C5F133D90450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68351" y="3689906"/>
            <a:ext cx="5256212" cy="369332"/>
          </a:xfrm>
        </p:spPr>
        <p:txBody>
          <a:bodyPr anchor="b"/>
          <a:lstStyle>
            <a:lvl1pPr marL="0" indent="0">
              <a:spcBef>
                <a:spcPts val="600"/>
              </a:spcBef>
              <a:buNone/>
              <a:defRPr sz="2400" i="0">
                <a:solidFill>
                  <a:schemeClr val="tx1"/>
                </a:solidFill>
                <a:latin typeface="Chivo Light italic" panose="00000500000000000000" pitchFamily="2" charset="0"/>
              </a:defRPr>
            </a:lvl1pPr>
            <a:lvl2pPr>
              <a:defRPr>
                <a:solidFill>
                  <a:schemeClr val="bg2"/>
                </a:solidFill>
                <a:latin typeface="+mj-lt"/>
              </a:defRPr>
            </a:lvl2pPr>
            <a:lvl3pPr>
              <a:defRPr>
                <a:solidFill>
                  <a:schemeClr val="bg2"/>
                </a:solidFill>
                <a:latin typeface="+mj-lt"/>
              </a:defRPr>
            </a:lvl3pPr>
            <a:lvl4pPr>
              <a:defRPr>
                <a:solidFill>
                  <a:schemeClr val="bg2"/>
                </a:solidFill>
                <a:latin typeface="+mj-lt"/>
              </a:defRPr>
            </a:lvl4pPr>
            <a:lvl5pPr>
              <a:defRPr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pl-PL" dirty="0" err="1"/>
              <a:t>Quotation</a:t>
            </a:r>
            <a:r>
              <a:rPr lang="pl-PL" dirty="0"/>
              <a:t> </a:t>
            </a:r>
            <a:r>
              <a:rPr lang="pl-PL" dirty="0" err="1"/>
              <a:t>goes</a:t>
            </a:r>
            <a:r>
              <a:rPr lang="pl-PL" dirty="0"/>
              <a:t> </a:t>
            </a:r>
            <a:r>
              <a:rPr lang="pl-PL" dirty="0" err="1"/>
              <a:t>here</a:t>
            </a:r>
            <a:endParaRPr lang="en-US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6980CA50-C80F-D115-EC47-E49CF2BCA459}"/>
              </a:ext>
            </a:extLst>
          </p:cNvPr>
          <p:cNvSpPr/>
          <p:nvPr userDrawn="1"/>
        </p:nvSpPr>
        <p:spPr>
          <a:xfrm>
            <a:off x="1" y="765175"/>
            <a:ext cx="611204" cy="187726"/>
          </a:xfrm>
          <a:prstGeom prst="rect">
            <a:avLst/>
          </a:prstGeom>
          <a:solidFill>
            <a:schemeClr val="bg2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pl-PL" sz="1200" dirty="0">
              <a:solidFill>
                <a:schemeClr val="tx2"/>
              </a:solidFill>
            </a:endParaRP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7CEF022-43FE-D956-F01B-E23B92040F4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8351" y="4221163"/>
            <a:ext cx="4500802" cy="299905"/>
          </a:xfrm>
        </p:spPr>
        <p:txBody>
          <a:bodyPr anchor="ctr">
            <a:noAutofit/>
          </a:bodyPr>
          <a:lstStyle>
            <a:lvl1pPr marL="0" indent="0">
              <a:buFont typeface="Arial" panose="020B0604020202020204" pitchFamily="34" charset="0"/>
              <a:buNone/>
              <a:defRPr sz="1200">
                <a:solidFill>
                  <a:schemeClr val="tx2"/>
                </a:solidFill>
                <a:latin typeface="Chivo Bold" panose="00000500000000000000" pitchFamily="2" charset="0"/>
              </a:defRPr>
            </a:lvl1pPr>
            <a:lvl2pPr marL="457212" indent="0">
              <a:buFont typeface="Arial" panose="020B0604020202020204" pitchFamily="34" charset="0"/>
              <a:buNone/>
              <a:defRPr/>
            </a:lvl2pPr>
            <a:lvl3pPr marL="914423" indent="0">
              <a:buFont typeface="Arial" panose="020B0604020202020204" pitchFamily="34" charset="0"/>
              <a:buNone/>
              <a:defRPr/>
            </a:lvl3pPr>
            <a:lvl4pPr marL="1371635" indent="0">
              <a:buFont typeface="Arial" panose="020B0604020202020204" pitchFamily="34" charset="0"/>
              <a:buNone/>
              <a:defRPr/>
            </a:lvl4pPr>
            <a:lvl5pPr marL="1828846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pl-PL" dirty="0" err="1"/>
              <a:t>Name</a:t>
            </a:r>
            <a:r>
              <a:rPr lang="pl-PL" dirty="0"/>
              <a:t>, </a:t>
            </a:r>
            <a:r>
              <a:rPr lang="pl-PL" dirty="0" err="1"/>
              <a:t>Surname</a:t>
            </a:r>
            <a:endParaRPr lang="en-US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C606E232-5430-55EE-FC0A-FBB49ABDE80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8351" y="4524100"/>
            <a:ext cx="4500802" cy="299905"/>
          </a:xfrm>
        </p:spPr>
        <p:txBody>
          <a:bodyPr anchor="ctr">
            <a:noAutofit/>
          </a:bodyPr>
          <a:lstStyle>
            <a:lvl1pPr marL="0" indent="0">
              <a:buFont typeface="Arial" panose="020B0604020202020204" pitchFamily="34" charset="0"/>
              <a:buNone/>
              <a:defRPr sz="1200" b="0">
                <a:solidFill>
                  <a:schemeClr val="tx2"/>
                </a:solidFill>
                <a:latin typeface="Chivo" panose="00000500000000000000" pitchFamily="2" charset="0"/>
              </a:defRPr>
            </a:lvl1pPr>
            <a:lvl2pPr marL="457212" indent="0">
              <a:buFont typeface="Arial" panose="020B0604020202020204" pitchFamily="34" charset="0"/>
              <a:buNone/>
              <a:defRPr/>
            </a:lvl2pPr>
            <a:lvl3pPr marL="914423" indent="0">
              <a:buFont typeface="Arial" panose="020B0604020202020204" pitchFamily="34" charset="0"/>
              <a:buNone/>
              <a:defRPr/>
            </a:lvl3pPr>
            <a:lvl4pPr marL="1371635" indent="0">
              <a:buFont typeface="Arial" panose="020B0604020202020204" pitchFamily="34" charset="0"/>
              <a:buNone/>
              <a:defRPr/>
            </a:lvl4pPr>
            <a:lvl5pPr marL="1828846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pl-PL" dirty="0"/>
              <a:t>Job </a:t>
            </a:r>
            <a:r>
              <a:rPr lang="pl-PL" dirty="0" err="1"/>
              <a:t>positio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363523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FF43029F-6256-4748-AF5D-CB47DBC16891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3576000" y="4146489"/>
            <a:ext cx="5040000" cy="757238"/>
          </a:xfrm>
        </p:spPr>
        <p:txBody>
          <a:bodyPr/>
          <a:lstStyle>
            <a:lvl1pPr marL="0" indent="0" algn="ctr">
              <a:buNone/>
              <a:defRPr sz="1800">
                <a:solidFill>
                  <a:schemeClr val="bg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pic>
        <p:nvPicPr>
          <p:cNvPr id="10" name="Picture 9" descr="Graphical user interface&#10;&#10;Description automatically generated with medium confidence">
            <a:extLst>
              <a:ext uri="{FF2B5EF4-FFF2-40B4-BE49-F238E27FC236}">
                <a16:creationId xmlns:a16="http://schemas.microsoft.com/office/drawing/2014/main" id="{CCEB794A-64B0-41E8-9B5D-51D9574673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50897" y="797657"/>
            <a:ext cx="2090206" cy="1800000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1928324F-6727-47A6-893B-9C064FCD4ED7}"/>
              </a:ext>
            </a:extLst>
          </p:cNvPr>
          <p:cNvSpPr txBox="1"/>
          <p:nvPr userDrawn="1"/>
        </p:nvSpPr>
        <p:spPr>
          <a:xfrm>
            <a:off x="3576000" y="3028890"/>
            <a:ext cx="5040000" cy="80021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pl-PL" sz="5200" dirty="0" err="1">
                <a:solidFill>
                  <a:schemeClr val="bg2"/>
                </a:solidFill>
                <a:latin typeface="Chivo Bold" panose="00000500000000000000" pitchFamily="2" charset="0"/>
              </a:rPr>
              <a:t>Thank</a:t>
            </a:r>
            <a:r>
              <a:rPr lang="pl-PL" sz="5200" dirty="0">
                <a:solidFill>
                  <a:schemeClr val="bg2"/>
                </a:solidFill>
                <a:latin typeface="Chivo Bold" panose="00000500000000000000" pitchFamily="2" charset="0"/>
              </a:rPr>
              <a:t> </a:t>
            </a:r>
            <a:r>
              <a:rPr lang="pl-PL" sz="5200" dirty="0" err="1">
                <a:solidFill>
                  <a:schemeClr val="bg2"/>
                </a:solidFill>
                <a:latin typeface="Chivo Bold" panose="00000500000000000000" pitchFamily="2" charset="0"/>
              </a:rPr>
              <a:t>you</a:t>
            </a:r>
            <a:r>
              <a:rPr lang="pl-PL" sz="5200" dirty="0">
                <a:solidFill>
                  <a:schemeClr val="bg2"/>
                </a:solidFill>
                <a:latin typeface="Chivo Bold" panose="00000500000000000000" pitchFamily="2" charset="0"/>
              </a:rPr>
              <a:t>!</a:t>
            </a:r>
            <a:endParaRPr lang="en-US" sz="5200" dirty="0">
              <a:solidFill>
                <a:schemeClr val="bg2"/>
              </a:solidFill>
              <a:latin typeface="Chivo Bold" panose="000005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12415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 userDrawn="1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ep in touch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E83CABB2-B3D0-455F-B434-616431ABC550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 bwMode="auto">
          <a:xfrm>
            <a:off x="6176963" y="9525"/>
            <a:ext cx="6024562" cy="6858000"/>
          </a:xfrm>
          <a:custGeom>
            <a:avLst/>
            <a:gdLst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4562 w 6024562"/>
              <a:gd name="connsiteY3" fmla="*/ 5853886 h 6858000"/>
              <a:gd name="connsiteX4" fmla="*/ 5020448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6858000 h 6858000"/>
              <a:gd name="connsiteX7" fmla="*/ 0 w 6024562"/>
              <a:gd name="connsiteY7" fmla="*/ 1004114 h 6858000"/>
              <a:gd name="connsiteX8" fmla="*/ 1004114 w 6024562"/>
              <a:gd name="connsiteY8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4562 w 6024562"/>
              <a:gd name="connsiteY3" fmla="*/ 5853886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024562"/>
              <a:gd name="connsiteY0" fmla="*/ 0 h 7305797"/>
              <a:gd name="connsiteX1" fmla="*/ 6024562 w 6024562"/>
              <a:gd name="connsiteY1" fmla="*/ 0 h 7305797"/>
              <a:gd name="connsiteX2" fmla="*/ 6024562 w 6024562"/>
              <a:gd name="connsiteY2" fmla="*/ 0 h 7305797"/>
              <a:gd name="connsiteX3" fmla="*/ 6019366 w 6024562"/>
              <a:gd name="connsiteY3" fmla="*/ 6825436 h 7305797"/>
              <a:gd name="connsiteX4" fmla="*/ 0 w 6024562"/>
              <a:gd name="connsiteY4" fmla="*/ 6858000 h 7305797"/>
              <a:gd name="connsiteX5" fmla="*/ 0 w 6024562"/>
              <a:gd name="connsiteY5" fmla="*/ 6858000 h 7305797"/>
              <a:gd name="connsiteX6" fmla="*/ 0 w 6024562"/>
              <a:gd name="connsiteY6" fmla="*/ 1004114 h 7305797"/>
              <a:gd name="connsiteX7" fmla="*/ 1004114 w 6024562"/>
              <a:gd name="connsiteY7" fmla="*/ 0 h 7305797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19366 w 6024562"/>
              <a:gd name="connsiteY3" fmla="*/ 6825436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19366 w 6024562"/>
              <a:gd name="connsiteY3" fmla="*/ 6825436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1597 w 6024562"/>
              <a:gd name="connsiteY3" fmla="*/ 6852199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  <a:gd name="connsiteX0" fmla="*/ 1004114 w 6698433"/>
              <a:gd name="connsiteY0" fmla="*/ 0 h 6858000"/>
              <a:gd name="connsiteX1" fmla="*/ 6024562 w 6698433"/>
              <a:gd name="connsiteY1" fmla="*/ 0 h 6858000"/>
              <a:gd name="connsiteX2" fmla="*/ 6024562 w 6698433"/>
              <a:gd name="connsiteY2" fmla="*/ 0 h 6858000"/>
              <a:gd name="connsiteX3" fmla="*/ 6021597 w 6698433"/>
              <a:gd name="connsiteY3" fmla="*/ 6852199 h 6858000"/>
              <a:gd name="connsiteX4" fmla="*/ 0 w 6698433"/>
              <a:gd name="connsiteY4" fmla="*/ 6858000 h 6858000"/>
              <a:gd name="connsiteX5" fmla="*/ 0 w 6698433"/>
              <a:gd name="connsiteY5" fmla="*/ 6858000 h 6858000"/>
              <a:gd name="connsiteX6" fmla="*/ 0 w 6698433"/>
              <a:gd name="connsiteY6" fmla="*/ 1004114 h 6858000"/>
              <a:gd name="connsiteX7" fmla="*/ 1004114 w 6698433"/>
              <a:gd name="connsiteY7" fmla="*/ 0 h 6858000"/>
              <a:gd name="connsiteX0" fmla="*/ 1004114 w 6024562"/>
              <a:gd name="connsiteY0" fmla="*/ 0 h 6858000"/>
              <a:gd name="connsiteX1" fmla="*/ 6024562 w 6024562"/>
              <a:gd name="connsiteY1" fmla="*/ 0 h 6858000"/>
              <a:gd name="connsiteX2" fmla="*/ 6024562 w 6024562"/>
              <a:gd name="connsiteY2" fmla="*/ 0 h 6858000"/>
              <a:gd name="connsiteX3" fmla="*/ 6021597 w 6024562"/>
              <a:gd name="connsiteY3" fmla="*/ 6852199 h 6858000"/>
              <a:gd name="connsiteX4" fmla="*/ 0 w 6024562"/>
              <a:gd name="connsiteY4" fmla="*/ 6858000 h 6858000"/>
              <a:gd name="connsiteX5" fmla="*/ 0 w 6024562"/>
              <a:gd name="connsiteY5" fmla="*/ 6858000 h 6858000"/>
              <a:gd name="connsiteX6" fmla="*/ 0 w 6024562"/>
              <a:gd name="connsiteY6" fmla="*/ 1004114 h 6858000"/>
              <a:gd name="connsiteX7" fmla="*/ 1004114 w 6024562"/>
              <a:gd name="connsiteY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6024562" h="6858000">
                <a:moveTo>
                  <a:pt x="1004114" y="0"/>
                </a:moveTo>
                <a:lnTo>
                  <a:pt x="6024562" y="0"/>
                </a:lnTo>
                <a:lnTo>
                  <a:pt x="6024562" y="0"/>
                </a:lnTo>
                <a:cubicBezTo>
                  <a:pt x="6024068" y="1142033"/>
                  <a:pt x="6023079" y="3426099"/>
                  <a:pt x="6021597" y="6852199"/>
                </a:cubicBezTo>
                <a:lnTo>
                  <a:pt x="0" y="6858000"/>
                </a:lnTo>
                <a:lnTo>
                  <a:pt x="0" y="6858000"/>
                </a:lnTo>
                <a:lnTo>
                  <a:pt x="0" y="1004114"/>
                </a:lnTo>
                <a:cubicBezTo>
                  <a:pt x="0" y="449557"/>
                  <a:pt x="449557" y="0"/>
                  <a:pt x="1004114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anchor="ctr">
            <a:normAutofit/>
          </a:bodyPr>
          <a:lstStyle>
            <a:lvl1pPr algn="ctr"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Your picture </a:t>
            </a:r>
            <a:r>
              <a:rPr lang="pl-PL" dirty="0"/>
              <a:t>g</a:t>
            </a:r>
            <a:r>
              <a:rPr lang="en-US" dirty="0" err="1"/>
              <a:t>oes</a:t>
            </a:r>
            <a:r>
              <a:rPr lang="en-US" dirty="0"/>
              <a:t> here</a:t>
            </a:r>
          </a:p>
        </p:txBody>
      </p:sp>
      <p:sp>
        <p:nvSpPr>
          <p:cNvPr id="9" name="Text Placeholder 3">
            <a:extLst>
              <a:ext uri="{FF2B5EF4-FFF2-40B4-BE49-F238E27FC236}">
                <a16:creationId xmlns:a16="http://schemas.microsoft.com/office/drawing/2014/main" id="{82FC771E-F00A-4314-BDE4-85955B0A1271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1524450" y="3804965"/>
            <a:ext cx="3600000" cy="19881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tx2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pl-PL" dirty="0" err="1"/>
              <a:t>Type</a:t>
            </a:r>
            <a:r>
              <a:rPr lang="pl-PL" dirty="0"/>
              <a:t> </a:t>
            </a:r>
            <a:r>
              <a:rPr lang="pl-PL" dirty="0" err="1"/>
              <a:t>your</a:t>
            </a:r>
            <a:r>
              <a:rPr lang="pl-PL" dirty="0"/>
              <a:t> </a:t>
            </a:r>
            <a:r>
              <a:rPr lang="pl-PL" dirty="0" err="1"/>
              <a:t>name</a:t>
            </a:r>
            <a:r>
              <a:rPr lang="pl-PL" dirty="0"/>
              <a:t> </a:t>
            </a:r>
            <a:r>
              <a:rPr lang="pl-PL" dirty="0" err="1"/>
              <a:t>here</a:t>
            </a:r>
            <a:endParaRPr lang="en-US" dirty="0"/>
          </a:p>
        </p:txBody>
      </p:sp>
      <p:sp>
        <p:nvSpPr>
          <p:cNvPr id="2" name="Prostokąt 17">
            <a:extLst>
              <a:ext uri="{FF2B5EF4-FFF2-40B4-BE49-F238E27FC236}">
                <a16:creationId xmlns:a16="http://schemas.microsoft.com/office/drawing/2014/main" id="{AEB28D05-0CFB-B0B3-9379-04D2681B34AD}"/>
              </a:ext>
            </a:extLst>
          </p:cNvPr>
          <p:cNvSpPr/>
          <p:nvPr userDrawn="1"/>
        </p:nvSpPr>
        <p:spPr>
          <a:xfrm>
            <a:off x="0" y="2988188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CD2D821-02E7-4083-8B4D-B478431F09E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68970" y="4438043"/>
            <a:ext cx="432000" cy="2880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B5937631-7DBA-47E2-80DB-0D16C951B01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48170" y="5043716"/>
            <a:ext cx="273600" cy="432000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A12BF017-ADEF-4591-81A8-4480646E1DDA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68970" y="3688370"/>
            <a:ext cx="432000" cy="4320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E0568BCE-4A64-4841-A49B-A9C86F1573BD}"/>
              </a:ext>
            </a:extLst>
          </p:cNvPr>
          <p:cNvSpPr>
            <a:spLocks noGrp="1"/>
          </p:cNvSpPr>
          <p:nvPr>
            <p:ph type="body" sz="half" idx="13" hasCustomPrompt="1"/>
          </p:nvPr>
        </p:nvSpPr>
        <p:spPr>
          <a:xfrm>
            <a:off x="1524450" y="4482638"/>
            <a:ext cx="3600000" cy="19881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tx2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pl-PL" dirty="0" err="1"/>
              <a:t>Type</a:t>
            </a:r>
            <a:r>
              <a:rPr lang="pl-PL" dirty="0"/>
              <a:t> </a:t>
            </a:r>
            <a:r>
              <a:rPr lang="pl-PL" dirty="0" err="1"/>
              <a:t>your</a:t>
            </a:r>
            <a:r>
              <a:rPr lang="pl-PL" dirty="0"/>
              <a:t> mail </a:t>
            </a:r>
            <a:r>
              <a:rPr lang="pl-PL" dirty="0" err="1"/>
              <a:t>here</a:t>
            </a:r>
            <a:endParaRPr lang="en-US" dirty="0"/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E0C3FA2E-BFF8-4355-98FA-59CA2D34B52A}"/>
              </a:ext>
            </a:extLst>
          </p:cNvPr>
          <p:cNvSpPr>
            <a:spLocks noGrp="1"/>
          </p:cNvSpPr>
          <p:nvPr>
            <p:ph type="body" sz="half" idx="14" hasCustomPrompt="1"/>
          </p:nvPr>
        </p:nvSpPr>
        <p:spPr>
          <a:xfrm>
            <a:off x="1524450" y="5160311"/>
            <a:ext cx="3600000" cy="19881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tx2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pl-PL" dirty="0" err="1"/>
              <a:t>Type</a:t>
            </a:r>
            <a:r>
              <a:rPr lang="pl-PL" dirty="0"/>
              <a:t> </a:t>
            </a:r>
            <a:r>
              <a:rPr lang="pl-PL" dirty="0" err="1"/>
              <a:t>your</a:t>
            </a:r>
            <a:r>
              <a:rPr lang="pl-PL" dirty="0"/>
              <a:t> mobile numer </a:t>
            </a:r>
            <a:r>
              <a:rPr lang="pl-PL" dirty="0" err="1"/>
              <a:t>here</a:t>
            </a:r>
            <a:endParaRPr lang="en-US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A08BE31-646E-4847-B0E7-64D159489146}"/>
              </a:ext>
            </a:extLst>
          </p:cNvPr>
          <p:cNvSpPr txBox="1"/>
          <p:nvPr userDrawn="1"/>
        </p:nvSpPr>
        <p:spPr>
          <a:xfrm>
            <a:off x="777701" y="2893778"/>
            <a:ext cx="3600000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kumimoji="0" lang="pl-PL" sz="2800" b="0" i="0" u="none" strike="noStrike" kern="1200" cap="none" spc="0" normalizeH="0" baseline="0" noProof="0" dirty="0" err="1">
                <a:ln>
                  <a:noFill/>
                </a:ln>
                <a:solidFill>
                  <a:srgbClr val="03063F"/>
                </a:solidFill>
                <a:effectLst/>
                <a:uLnTx/>
                <a:uFillTx/>
                <a:latin typeface="Chivo Bold" panose="00000500000000000000" pitchFamily="2" charset="0"/>
                <a:ea typeface="+mj-ea"/>
                <a:cs typeface="+mj-cs"/>
              </a:rPr>
              <a:t>Let’s</a:t>
            </a:r>
            <a:r>
              <a:rPr kumimoji="0" lang="pl-PL" sz="2800" b="0" i="0" u="none" strike="noStrike" kern="1200" cap="none" spc="0" normalizeH="0" baseline="0" noProof="0" dirty="0">
                <a:ln>
                  <a:noFill/>
                </a:ln>
                <a:solidFill>
                  <a:srgbClr val="03063F"/>
                </a:solidFill>
                <a:effectLst/>
                <a:uLnTx/>
                <a:uFillTx/>
                <a:latin typeface="Chivo Bold" panose="00000500000000000000" pitchFamily="2" charset="0"/>
                <a:ea typeface="+mj-ea"/>
                <a:cs typeface="+mj-cs"/>
              </a:rPr>
              <a:t> </a:t>
            </a:r>
            <a:r>
              <a:rPr kumimoji="0" lang="pl-PL" sz="2800" b="0" i="0" u="none" strike="noStrike" kern="1200" cap="none" spc="0" normalizeH="0" baseline="0" noProof="0" dirty="0" err="1">
                <a:ln>
                  <a:noFill/>
                </a:ln>
                <a:solidFill>
                  <a:srgbClr val="03063F"/>
                </a:solidFill>
                <a:effectLst/>
                <a:uLnTx/>
                <a:uFillTx/>
                <a:latin typeface="Chivo Bold" panose="00000500000000000000" pitchFamily="2" charset="0"/>
                <a:ea typeface="+mj-ea"/>
                <a:cs typeface="+mj-cs"/>
              </a:rPr>
              <a:t>stay</a:t>
            </a:r>
            <a:r>
              <a:rPr kumimoji="0" lang="pl-PL" sz="2800" b="0" i="0" u="none" strike="noStrike" kern="1200" cap="none" spc="0" normalizeH="0" baseline="0" noProof="0" dirty="0">
                <a:ln>
                  <a:noFill/>
                </a:ln>
                <a:solidFill>
                  <a:srgbClr val="03063F"/>
                </a:solidFill>
                <a:effectLst/>
                <a:uLnTx/>
                <a:uFillTx/>
                <a:latin typeface="Chivo Bold" panose="00000500000000000000" pitchFamily="2" charset="0"/>
                <a:ea typeface="+mj-ea"/>
                <a:cs typeface="+mj-cs"/>
              </a:rPr>
              <a:t> in </a:t>
            </a:r>
            <a:r>
              <a:rPr kumimoji="0" lang="pl-PL" sz="2800" b="0" i="0" u="none" strike="noStrike" kern="1200" cap="none" spc="0" normalizeH="0" baseline="0" noProof="0" dirty="0" err="1">
                <a:ln>
                  <a:noFill/>
                </a:ln>
                <a:solidFill>
                  <a:srgbClr val="03063F"/>
                </a:solidFill>
                <a:effectLst/>
                <a:uLnTx/>
                <a:uFillTx/>
                <a:latin typeface="Chivo Bold" panose="00000500000000000000" pitchFamily="2" charset="0"/>
                <a:ea typeface="+mj-ea"/>
                <a:cs typeface="+mj-cs"/>
              </a:rPr>
              <a:t>touch</a:t>
            </a:r>
            <a:endParaRPr lang="en-US" sz="1400" dirty="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9499539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oter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Graphical user interface, text&#10;&#10;Description automatically generated">
            <a:extLst>
              <a:ext uri="{FF2B5EF4-FFF2-40B4-BE49-F238E27FC236}">
                <a16:creationId xmlns:a16="http://schemas.microsoft.com/office/drawing/2014/main" id="{35067695-B66D-49EE-98B9-3C7ED536B9A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4188" y="3593041"/>
            <a:ext cx="3328497" cy="1302286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B6F87F80-843B-4A56-B777-98433004AAD5}"/>
              </a:ext>
            </a:extLst>
          </p:cNvPr>
          <p:cNvSpPr txBox="1"/>
          <p:nvPr userDrawn="1"/>
        </p:nvSpPr>
        <p:spPr>
          <a:xfrm>
            <a:off x="768351" y="4984829"/>
            <a:ext cx="4919218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800" dirty="0">
                <a:solidFill>
                  <a:schemeClr val="bg2"/>
                </a:solidFill>
                <a:latin typeface="Chivo" panose="00000500000000000000" pitchFamily="2" charset="0"/>
              </a:rPr>
              <a:t>7N Group is an elite IT consultancy agency with more than 20 years of market experience in serving all aspects of critical IT projects both within the public and private sector.</a:t>
            </a:r>
          </a:p>
          <a:p>
            <a:endParaRPr lang="en-GB" sz="800" dirty="0">
              <a:solidFill>
                <a:schemeClr val="bg2"/>
              </a:solidFill>
              <a:latin typeface="Chivo" panose="00000500000000000000" pitchFamily="2" charset="0"/>
            </a:endParaRPr>
          </a:p>
          <a:p>
            <a:r>
              <a:rPr lang="en-GB" sz="800" dirty="0">
                <a:solidFill>
                  <a:schemeClr val="bg2"/>
                </a:solidFill>
                <a:latin typeface="Chivo" panose="00000500000000000000" pitchFamily="2" charset="0"/>
              </a:rPr>
              <a:t>We have dedicated ourselves to finding the right match between our consultants and the companies we serve – we believe that is how the best results are created. At 7N, we have built a professional community of extraordinary people. A community dedicated to achieving professional and personal development. A place where the best gets to play with the best.</a:t>
            </a:r>
          </a:p>
          <a:p>
            <a:endParaRPr lang="en-GB" sz="800" dirty="0">
              <a:solidFill>
                <a:schemeClr val="bg2"/>
              </a:solidFill>
              <a:latin typeface="Chivo" panose="00000500000000000000" pitchFamily="2" charset="0"/>
            </a:endParaRPr>
          </a:p>
          <a:p>
            <a:r>
              <a:rPr lang="en-GB" sz="800" dirty="0">
                <a:solidFill>
                  <a:schemeClr val="bg2"/>
                </a:solidFill>
                <a:latin typeface="Chivo" panose="00000500000000000000" pitchFamily="2" charset="0"/>
              </a:rPr>
              <a:t>www.7N.com | info@7N.com</a:t>
            </a:r>
            <a:endParaRPr lang="en-US" sz="800" dirty="0">
              <a:solidFill>
                <a:schemeClr val="bg2"/>
              </a:solidFill>
              <a:latin typeface="Chivo" panose="000005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451631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98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model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4498975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tx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4498975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1" y="2586199"/>
            <a:ext cx="4498974" cy="1640178"/>
          </a:xfrm>
        </p:spPr>
        <p:txBody>
          <a:bodyPr anchor="b"/>
          <a:lstStyle>
            <a:lvl1pPr algn="l">
              <a:defRPr sz="4800" b="0">
                <a:solidFill>
                  <a:schemeClr val="tx1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1" y="4400550"/>
            <a:ext cx="4498974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tx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title</a:t>
            </a:r>
            <a:endParaRPr lang="en-GB" dirty="0"/>
          </a:p>
        </p:txBody>
      </p:sp>
      <p:pic>
        <p:nvPicPr>
          <p:cNvPr id="8" name="Picture 7" descr="A close up of a sign&#10;&#10;Description automatically generated">
            <a:extLst>
              <a:ext uri="{FF2B5EF4-FFF2-40B4-BE49-F238E27FC236}">
                <a16:creationId xmlns:a16="http://schemas.microsoft.com/office/drawing/2014/main" id="{B920D5EB-8AC5-4E57-AB6E-3037055F305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1794"/>
            <a:ext cx="864709" cy="75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471156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model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4498975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tx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4498975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1" y="2586199"/>
            <a:ext cx="4498974" cy="1640178"/>
          </a:xfrm>
        </p:spPr>
        <p:txBody>
          <a:bodyPr anchor="b"/>
          <a:lstStyle>
            <a:lvl1pPr algn="l">
              <a:defRPr sz="4800" b="0">
                <a:solidFill>
                  <a:schemeClr val="tx1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1" y="4400550"/>
            <a:ext cx="4498974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tx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title</a:t>
            </a:r>
            <a:endParaRPr lang="en-GB" dirty="0"/>
          </a:p>
        </p:txBody>
      </p:sp>
      <p:pic>
        <p:nvPicPr>
          <p:cNvPr id="8" name="Picture 7" descr="A close up of a sign&#10;&#10;Description automatically generated">
            <a:extLst>
              <a:ext uri="{FF2B5EF4-FFF2-40B4-BE49-F238E27FC236}">
                <a16:creationId xmlns:a16="http://schemas.microsoft.com/office/drawing/2014/main" id="{B920D5EB-8AC5-4E57-AB6E-3037055F305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1794"/>
            <a:ext cx="864709" cy="75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5150941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model 3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4498975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tx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4498975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1" y="2586199"/>
            <a:ext cx="4498974" cy="1640178"/>
          </a:xfrm>
        </p:spPr>
        <p:txBody>
          <a:bodyPr anchor="b"/>
          <a:lstStyle>
            <a:lvl1pPr algn="l">
              <a:defRPr sz="4800" b="0">
                <a:solidFill>
                  <a:schemeClr val="tx1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1" y="4400550"/>
            <a:ext cx="4498974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tx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title</a:t>
            </a:r>
            <a:endParaRPr lang="en-GB" dirty="0"/>
          </a:p>
        </p:txBody>
      </p:sp>
      <p:pic>
        <p:nvPicPr>
          <p:cNvPr id="8" name="Picture 7" descr="A close up of a sign&#10;&#10;Description automatically generated">
            <a:extLst>
              <a:ext uri="{FF2B5EF4-FFF2-40B4-BE49-F238E27FC236}">
                <a16:creationId xmlns:a16="http://schemas.microsoft.com/office/drawing/2014/main" id="{B920D5EB-8AC5-4E57-AB6E-3037055F305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1794"/>
            <a:ext cx="864709" cy="75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39032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full offic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4498975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4498975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1" y="2586199"/>
            <a:ext cx="4498974" cy="1640178"/>
          </a:xfrm>
        </p:spPr>
        <p:txBody>
          <a:bodyPr anchor="b"/>
          <a:lstStyle>
            <a:lvl1pPr algn="l">
              <a:defRPr sz="48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r>
              <a:rPr lang="pl-PL" dirty="0" err="1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1" y="4400550"/>
            <a:ext cx="4498974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title</a:t>
            </a:r>
            <a:endParaRPr lang="en-GB" dirty="0"/>
          </a:p>
        </p:txBody>
      </p:sp>
      <p:pic>
        <p:nvPicPr>
          <p:cNvPr id="16" name="Logo" descr="A close up of a sign&#10;&#10;Description automatically generated">
            <a:extLst>
              <a:ext uri="{FF2B5EF4-FFF2-40B4-BE49-F238E27FC236}">
                <a16:creationId xmlns:a16="http://schemas.microsoft.com/office/drawing/2014/main" id="{8307AC6A-A2D8-4003-AD92-B4569E9A33F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500"/>
                    </a14:imgEffect>
                    <a14:imgEffect>
                      <a14:saturation sat="0"/>
                    </a14:imgEffect>
                    <a14:imgEffect>
                      <a14:brightnessContrast bright="100000" contras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0825"/>
            <a:ext cx="864709" cy="7560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336061549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full office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4498975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4498975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1" y="2586199"/>
            <a:ext cx="4498974" cy="1640178"/>
          </a:xfrm>
        </p:spPr>
        <p:txBody>
          <a:bodyPr anchor="b"/>
          <a:lstStyle>
            <a:lvl1pPr algn="l">
              <a:defRPr sz="48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1" y="4400550"/>
            <a:ext cx="4498974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title</a:t>
            </a:r>
            <a:endParaRPr lang="en-GB" dirty="0"/>
          </a:p>
        </p:txBody>
      </p:sp>
      <p:pic>
        <p:nvPicPr>
          <p:cNvPr id="16" name="Logo" descr="A close up of a sign&#10;&#10;Description automatically generated">
            <a:extLst>
              <a:ext uri="{FF2B5EF4-FFF2-40B4-BE49-F238E27FC236}">
                <a16:creationId xmlns:a16="http://schemas.microsoft.com/office/drawing/2014/main" id="{8307AC6A-A2D8-4003-AD92-B4569E9A33F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500"/>
                    </a14:imgEffect>
                    <a14:imgEffect>
                      <a14:saturation sat="0"/>
                    </a14:imgEffect>
                    <a14:imgEffect>
                      <a14:brightnessContrast bright="100000" contras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0825"/>
            <a:ext cx="864709" cy="7560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115799943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hoto full office 3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145C321-CC29-4A4A-B8EB-15387158910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68350" y="5522103"/>
            <a:ext cx="4498975" cy="291178"/>
          </a:xfrm>
        </p:spPr>
        <p:txBody>
          <a:bodyPr anchor="ctr"/>
          <a:lstStyle>
            <a:lvl1pPr marL="0" indent="0">
              <a:lnSpc>
                <a:spcPct val="100000"/>
              </a:lnSpc>
              <a:buNone/>
              <a:defRPr sz="14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pPr lvl="0"/>
            <a:r>
              <a:rPr lang="en-US" dirty="0"/>
              <a:t>Name, Surname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7C458F4-154E-45D4-8CA7-B35016BD829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68350" y="5893445"/>
            <a:ext cx="4498975" cy="199380"/>
          </a:xfrm>
        </p:spPr>
        <p:txBody>
          <a:bodyPr anchor="ctr"/>
          <a:lstStyle>
            <a:lvl1pPr marL="0" indent="0">
              <a:buNone/>
              <a:defRPr sz="140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F4558F5-4D60-4944-AC7A-3C6DC85925A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8351" y="2586199"/>
            <a:ext cx="4498974" cy="1640178"/>
          </a:xfrm>
        </p:spPr>
        <p:txBody>
          <a:bodyPr anchor="b"/>
          <a:lstStyle>
            <a:lvl1pPr algn="l">
              <a:defRPr sz="4800" b="0">
                <a:solidFill>
                  <a:schemeClr val="bg2"/>
                </a:solidFill>
                <a:latin typeface="Chivo Bold" panose="00000500000000000000" pitchFamily="2" charset="0"/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4FDB10A7-313C-470B-9C6C-B4A4CB85F2C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8351" y="4400550"/>
            <a:ext cx="4498974" cy="757238"/>
          </a:xfrm>
        </p:spPr>
        <p:txBody>
          <a:bodyPr/>
          <a:lstStyle>
            <a:lvl1pPr marL="0" indent="0" algn="l">
              <a:buNone/>
              <a:defRPr sz="200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Subtitle</a:t>
            </a:r>
            <a:endParaRPr lang="en-GB" dirty="0"/>
          </a:p>
        </p:txBody>
      </p:sp>
      <p:pic>
        <p:nvPicPr>
          <p:cNvPr id="16" name="Logo" descr="A close up of a sign&#10;&#10;Description automatically generated">
            <a:extLst>
              <a:ext uri="{FF2B5EF4-FFF2-40B4-BE49-F238E27FC236}">
                <a16:creationId xmlns:a16="http://schemas.microsoft.com/office/drawing/2014/main" id="{8307AC6A-A2D8-4003-AD92-B4569E9A33F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colorTemperature colorTemp="1500"/>
                    </a14:imgEffect>
                    <a14:imgEffect>
                      <a14:saturation sat="0"/>
                    </a14:imgEffect>
                    <a14:imgEffect>
                      <a14:brightnessContrast bright="100000" contrast="1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8350" y="1520825"/>
            <a:ext cx="864709" cy="7560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405430805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image" Target="../media/image1.png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8" name="Title Placeholder 92">
            <a:extLst>
              <a:ext uri="{FF2B5EF4-FFF2-40B4-BE49-F238E27FC236}">
                <a16:creationId xmlns:a16="http://schemas.microsoft.com/office/drawing/2014/main" id="{4BBE3E01-6FAA-4257-898F-3515A99427CE}"/>
              </a:ext>
            </a:extLst>
          </p:cNvPr>
          <p:cNvSpPr>
            <a:spLocks noGrp="1" noChangeArrowheads="1"/>
          </p:cNvSpPr>
          <p:nvPr>
            <p:ph type="title"/>
          </p:nvPr>
        </p:nvSpPr>
        <p:spPr bwMode="auto">
          <a:xfrm>
            <a:off x="768350" y="771525"/>
            <a:ext cx="7056438" cy="4275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 altLang="pl-PL" dirty="0"/>
              <a:t>Click to edit master title style</a:t>
            </a:r>
          </a:p>
        </p:txBody>
      </p:sp>
      <p:sp>
        <p:nvSpPr>
          <p:cNvPr id="1049" name="Text Placeholder 113">
            <a:extLst>
              <a:ext uri="{FF2B5EF4-FFF2-40B4-BE49-F238E27FC236}">
                <a16:creationId xmlns:a16="http://schemas.microsoft.com/office/drawing/2014/main" id="{49190C29-2904-43B5-8104-C0F11A41F8F3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768350" y="1666839"/>
            <a:ext cx="4354745" cy="111177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lvl="0"/>
            <a:r>
              <a:rPr lang="en-US" altLang="pl-PL" dirty="0"/>
              <a:t>Click to edit Master text styles</a:t>
            </a:r>
          </a:p>
          <a:p>
            <a:pPr lvl="1"/>
            <a:r>
              <a:rPr lang="en-US" altLang="pl-PL" dirty="0"/>
              <a:t>Second level</a:t>
            </a:r>
          </a:p>
          <a:p>
            <a:pPr lvl="2"/>
            <a:r>
              <a:rPr lang="en-US" altLang="pl-PL" dirty="0"/>
              <a:t>Third level</a:t>
            </a:r>
          </a:p>
          <a:p>
            <a:pPr lvl="3"/>
            <a:r>
              <a:rPr lang="en-US" altLang="pl-PL" dirty="0"/>
              <a:t>Fourth level</a:t>
            </a:r>
          </a:p>
          <a:p>
            <a:pPr lvl="4"/>
            <a:r>
              <a:rPr lang="en-US" altLang="pl-PL" dirty="0"/>
              <a:t>Fifth level</a:t>
            </a:r>
          </a:p>
        </p:txBody>
      </p:sp>
      <p:sp>
        <p:nvSpPr>
          <p:cNvPr id="120" name="Slide Number Placeholder 115">
            <a:extLst>
              <a:ext uri="{FF2B5EF4-FFF2-40B4-BE49-F238E27FC236}">
                <a16:creationId xmlns:a16="http://schemas.microsoft.com/office/drawing/2014/main" id="{A8AFA804-462B-4591-84B9-7314B4BFBE4E}"/>
              </a:ext>
            </a:extLst>
          </p:cNvPr>
          <p:cNvSpPr txBox="1">
            <a:spLocks/>
          </p:cNvSpPr>
          <p:nvPr userDrawn="1"/>
        </p:nvSpPr>
        <p:spPr>
          <a:xfrm>
            <a:off x="11180252" y="6418221"/>
            <a:ext cx="243398" cy="140861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da-DK"/>
            </a:defPPr>
            <a:lvl1pPr algn="r" rtl="0" eaLnBrk="1" fontAlgn="auto" hangingPunct="1">
              <a:spcBef>
                <a:spcPts val="0"/>
              </a:spcBef>
              <a:spcAft>
                <a:spcPts val="0"/>
              </a:spcAft>
              <a:defRPr sz="800" kern="1200">
                <a:solidFill>
                  <a:schemeClr val="tx1"/>
                </a:solidFill>
                <a:latin typeface="Chivo" panose="00000500000000000000" pitchFamily="2" charset="0"/>
                <a:ea typeface="+mn-ea"/>
                <a:cs typeface="+mn-cs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9pPr>
          </a:lstStyle>
          <a:p>
            <a:fld id="{CA93BC64-972C-4131-9F6D-6E1E833245B1}" type="slidenum">
              <a:rPr lang="en-GB" sz="650" smtClean="0">
                <a:solidFill>
                  <a:schemeClr val="tx2"/>
                </a:solidFill>
              </a:rPr>
              <a:pPr/>
              <a:t>‹#›</a:t>
            </a:fld>
            <a:endParaRPr lang="en-GB" sz="650" dirty="0">
              <a:solidFill>
                <a:schemeClr val="tx2"/>
              </a:solidFill>
            </a:endParaRPr>
          </a:p>
        </p:txBody>
      </p:sp>
      <p:sp>
        <p:nvSpPr>
          <p:cNvPr id="28" name="Footer Placeholder 4">
            <a:extLst>
              <a:ext uri="{FF2B5EF4-FFF2-40B4-BE49-F238E27FC236}">
                <a16:creationId xmlns:a16="http://schemas.microsoft.com/office/drawing/2014/main" id="{9498F3BE-9B75-497A-B10E-6ED062F16754}"/>
              </a:ext>
            </a:extLst>
          </p:cNvPr>
          <p:cNvSpPr txBox="1">
            <a:spLocks/>
          </p:cNvSpPr>
          <p:nvPr userDrawn="1"/>
        </p:nvSpPr>
        <p:spPr>
          <a:xfrm>
            <a:off x="768349" y="6418222"/>
            <a:ext cx="4354747" cy="14086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da-DK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sz="700" kern="1200">
                <a:solidFill>
                  <a:schemeClr val="tx2"/>
                </a:solidFill>
                <a:latin typeface="Chivo" panose="00000500000000000000" pitchFamily="2" charset="0"/>
                <a:ea typeface="+mn-ea"/>
                <a:cs typeface="Arial" panose="020B0604020202020204" pitchFamily="34" charset="0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Chivo Light" panose="00000500000000000000" pitchFamily="2" charset="-18"/>
                <a:ea typeface="+mn-ea"/>
                <a:cs typeface="Arial" panose="020B0604020202020204" pitchFamily="34" charset="0"/>
              </a:defRPr>
            </a:lvl9pPr>
          </a:lstStyle>
          <a:p>
            <a:pPr>
              <a:spcBef>
                <a:spcPts val="0"/>
              </a:spcBef>
              <a:buSzPct val="100000"/>
            </a:pPr>
            <a:r>
              <a:rPr lang="en-US" sz="650" dirty="0">
                <a:solidFill>
                  <a:schemeClr val="tx2"/>
                </a:solidFill>
                <a:latin typeface="Chivo" panose="00000500000000000000" pitchFamily="2" charset="0"/>
              </a:rPr>
              <a:t>Copyright © </a:t>
            </a:r>
            <a:r>
              <a:rPr lang="pl-PL" sz="650" dirty="0">
                <a:solidFill>
                  <a:schemeClr val="tx2"/>
                </a:solidFill>
                <a:latin typeface="Chivo" panose="00000500000000000000" pitchFamily="2" charset="0"/>
              </a:rPr>
              <a:t>7N</a:t>
            </a:r>
            <a:endParaRPr lang="en-US" sz="650" dirty="0">
              <a:solidFill>
                <a:schemeClr val="tx2"/>
              </a:solidFill>
              <a:latin typeface="Chivo" panose="00000500000000000000" pitchFamily="2" charset="0"/>
            </a:endParaRPr>
          </a:p>
        </p:txBody>
      </p:sp>
      <p:pic>
        <p:nvPicPr>
          <p:cNvPr id="29" name="Picture 28" descr="A close up of a sign&#10;&#10;Description automatically generated">
            <a:extLst>
              <a:ext uri="{FF2B5EF4-FFF2-40B4-BE49-F238E27FC236}">
                <a16:creationId xmlns:a16="http://schemas.microsoft.com/office/drawing/2014/main" id="{AFB0BDE6-7DD9-45C4-8D19-028E3CC6CB87}"/>
              </a:ext>
            </a:extLst>
          </p:cNvPr>
          <p:cNvPicPr>
            <a:picLocks noChangeAspect="1"/>
          </p:cNvPicPr>
          <p:nvPr userDrawn="1"/>
        </p:nvPicPr>
        <p:blipFill>
          <a:blip r:embed="rId3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423650" y="432265"/>
            <a:ext cx="388044" cy="339260"/>
          </a:xfrm>
          <a:prstGeom prst="rect">
            <a:avLst/>
          </a:prstGeom>
        </p:spPr>
      </p:pic>
      <p:sp>
        <p:nvSpPr>
          <p:cNvPr id="2" name="Prostokąt 17">
            <a:extLst>
              <a:ext uri="{FF2B5EF4-FFF2-40B4-BE49-F238E27FC236}">
                <a16:creationId xmlns:a16="http://schemas.microsoft.com/office/drawing/2014/main" id="{C8DDED21-8D4E-B91E-89A4-E7D292D411AB}"/>
              </a:ext>
            </a:extLst>
          </p:cNvPr>
          <p:cNvSpPr/>
          <p:nvPr userDrawn="1"/>
        </p:nvSpPr>
        <p:spPr>
          <a:xfrm>
            <a:off x="0" y="858044"/>
            <a:ext cx="576000" cy="7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pl-PL" sz="1200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0296787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5" r:id="rId1"/>
    <p:sldLayoutId id="2147483736" r:id="rId2"/>
    <p:sldLayoutId id="2147483737" r:id="rId3"/>
    <p:sldLayoutId id="2147483738" r:id="rId4"/>
    <p:sldLayoutId id="2147483739" r:id="rId5"/>
    <p:sldLayoutId id="2147483740" r:id="rId6"/>
    <p:sldLayoutId id="2147483741" r:id="rId7"/>
    <p:sldLayoutId id="2147483742" r:id="rId8"/>
    <p:sldLayoutId id="2147483743" r:id="rId9"/>
    <p:sldLayoutId id="2147483724" r:id="rId10"/>
    <p:sldLayoutId id="2147483732" r:id="rId11"/>
    <p:sldLayoutId id="2147483719" r:id="rId12"/>
    <p:sldLayoutId id="2147483749" r:id="rId13"/>
    <p:sldLayoutId id="2147483709" r:id="rId14"/>
    <p:sldLayoutId id="2147483754" r:id="rId15"/>
    <p:sldLayoutId id="2147483755" r:id="rId16"/>
    <p:sldLayoutId id="2147483744" r:id="rId17"/>
    <p:sldLayoutId id="2147483718" r:id="rId18"/>
    <p:sldLayoutId id="2147483670" r:id="rId19"/>
    <p:sldLayoutId id="2147483727" r:id="rId20"/>
    <p:sldLayoutId id="2147483728" r:id="rId21"/>
    <p:sldLayoutId id="2147483730" r:id="rId22"/>
    <p:sldLayoutId id="2147483731" r:id="rId23"/>
    <p:sldLayoutId id="2147483716" r:id="rId24"/>
    <p:sldLayoutId id="2147483751" r:id="rId25"/>
    <p:sldLayoutId id="2147483752" r:id="rId26"/>
    <p:sldLayoutId id="2147483753" r:id="rId27"/>
    <p:sldLayoutId id="2147483750" r:id="rId28"/>
    <p:sldLayoutId id="2147483669" r:id="rId29"/>
    <p:sldLayoutId id="2147483700" r:id="rId30"/>
    <p:sldLayoutId id="2147483698" r:id="rId31"/>
    <p:sldLayoutId id="2147483705" r:id="rId32"/>
    <p:sldLayoutId id="2147483708" r:id="rId33"/>
    <p:sldLayoutId id="2147483706" r:id="rId34"/>
    <p:sldLayoutId id="2147483745" r:id="rId35"/>
    <p:sldLayoutId id="2147483747" r:id="rId36"/>
    <p:sldLayoutId id="2147483746" r:id="rId37"/>
  </p:sldLayoutIdLst>
  <p:hf hdr="0" dt="0"/>
  <p:txStyles>
    <p:titleStyle>
      <a:lvl1pPr algn="l" rtl="0" eaLnBrk="1" fontAlgn="base" hangingPunct="1">
        <a:lnSpc>
          <a:spcPct val="100000"/>
        </a:lnSpc>
        <a:spcBef>
          <a:spcPct val="0"/>
        </a:spcBef>
        <a:spcAft>
          <a:spcPct val="0"/>
        </a:spcAft>
        <a:defRPr sz="2800" b="0" kern="1200">
          <a:solidFill>
            <a:schemeClr val="tx1"/>
          </a:solidFill>
          <a:latin typeface="Chivo Bold" panose="00000500000000000000" pitchFamily="2" charset="0"/>
          <a:ea typeface="+mj-ea"/>
          <a:cs typeface="+mj-cs"/>
        </a:defRPr>
      </a:lvl1pPr>
      <a:lvl2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600">
          <a:solidFill>
            <a:schemeClr val="tx1"/>
          </a:solidFill>
          <a:latin typeface="Playfair Display" panose="00000500000000000000" pitchFamily="2" charset="-18"/>
          <a:cs typeface="Arial" panose="020B0604020202020204" pitchFamily="34" charset="0"/>
        </a:defRPr>
      </a:lvl2pPr>
      <a:lvl3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600">
          <a:solidFill>
            <a:schemeClr val="tx1"/>
          </a:solidFill>
          <a:latin typeface="Playfair Display" panose="00000500000000000000" pitchFamily="2" charset="-18"/>
          <a:cs typeface="Arial" panose="020B0604020202020204" pitchFamily="34" charset="0"/>
        </a:defRPr>
      </a:lvl3pPr>
      <a:lvl4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600">
          <a:solidFill>
            <a:schemeClr val="tx1"/>
          </a:solidFill>
          <a:latin typeface="Playfair Display" panose="00000500000000000000" pitchFamily="2" charset="-18"/>
          <a:cs typeface="Arial" panose="020B0604020202020204" pitchFamily="34" charset="0"/>
        </a:defRPr>
      </a:lvl4pPr>
      <a:lvl5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600">
          <a:solidFill>
            <a:schemeClr val="tx1"/>
          </a:solidFill>
          <a:latin typeface="Playfair Display" panose="00000500000000000000" pitchFamily="2" charset="-18"/>
          <a:cs typeface="Arial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600">
          <a:solidFill>
            <a:schemeClr val="tx1"/>
          </a:solidFill>
          <a:latin typeface="Playfair Display" panose="00000500000000000000" pitchFamily="2" charset="-18"/>
          <a:cs typeface="Arial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600">
          <a:solidFill>
            <a:schemeClr val="tx1"/>
          </a:solidFill>
          <a:latin typeface="Playfair Display" panose="00000500000000000000" pitchFamily="2" charset="-18"/>
          <a:cs typeface="Arial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600">
          <a:solidFill>
            <a:schemeClr val="tx1"/>
          </a:solidFill>
          <a:latin typeface="Playfair Display" panose="00000500000000000000" pitchFamily="2" charset="-18"/>
          <a:cs typeface="Arial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600">
          <a:solidFill>
            <a:schemeClr val="tx1"/>
          </a:solidFill>
          <a:latin typeface="Playfair Display" panose="00000500000000000000" pitchFamily="2" charset="-18"/>
          <a:cs typeface="Arial" panose="020B0604020202020204" pitchFamily="34" charset="0"/>
        </a:defRPr>
      </a:lvl9pPr>
    </p:titleStyle>
    <p:bodyStyle>
      <a:lvl1pPr marL="0" indent="0" algn="l" rtl="0" eaLnBrk="1" fontAlgn="base" hangingPunct="1">
        <a:lnSpc>
          <a:spcPct val="110000"/>
        </a:lnSpc>
        <a:spcBef>
          <a:spcPts val="1000"/>
        </a:spcBef>
        <a:spcAft>
          <a:spcPct val="0"/>
        </a:spcAft>
        <a:buClr>
          <a:schemeClr val="accent1"/>
        </a:buClr>
        <a:buSzPct val="100000"/>
        <a:buFont typeface="Arial" panose="020B0604020202020204" pitchFamily="34" charset="0"/>
        <a:buNone/>
        <a:defRPr sz="1200" kern="1200">
          <a:solidFill>
            <a:schemeClr val="tx2"/>
          </a:solidFill>
          <a:latin typeface="+mn-lt"/>
          <a:ea typeface="+mn-ea"/>
          <a:cs typeface="+mn-cs"/>
        </a:defRPr>
      </a:lvl1pPr>
      <a:lvl2pPr marL="628650" indent="-171450" algn="l" rtl="0" eaLnBrk="1" fontAlgn="base" hangingPunct="1">
        <a:lnSpc>
          <a:spcPct val="110000"/>
        </a:lnSpc>
        <a:spcBef>
          <a:spcPts val="500"/>
        </a:spcBef>
        <a:spcAft>
          <a:spcPct val="0"/>
        </a:spcAft>
        <a:buClr>
          <a:schemeClr val="accent1"/>
        </a:buClr>
        <a:buSzPct val="100000"/>
        <a:buFont typeface="Arial" panose="020B0604020202020204" pitchFamily="34" charset="0"/>
        <a:buChar char="•"/>
        <a:defRPr sz="1200" kern="1200">
          <a:solidFill>
            <a:schemeClr val="tx2"/>
          </a:solidFill>
          <a:latin typeface="+mn-lt"/>
          <a:ea typeface="+mn-ea"/>
          <a:cs typeface="+mn-cs"/>
        </a:defRPr>
      </a:lvl2pPr>
      <a:lvl3pPr marL="1085850" indent="-171450" algn="l" rtl="0" eaLnBrk="1" fontAlgn="base" hangingPunct="1">
        <a:lnSpc>
          <a:spcPct val="110000"/>
        </a:lnSpc>
        <a:spcBef>
          <a:spcPts val="500"/>
        </a:spcBef>
        <a:spcAft>
          <a:spcPct val="0"/>
        </a:spcAft>
        <a:buClr>
          <a:schemeClr val="accent1"/>
        </a:buClr>
        <a:buSzPct val="100000"/>
        <a:buFont typeface="Arial" panose="020B0604020202020204" pitchFamily="34" charset="0"/>
        <a:buChar char="•"/>
        <a:defRPr sz="1000" kern="1200">
          <a:solidFill>
            <a:schemeClr val="tx2"/>
          </a:solidFill>
          <a:latin typeface="Chivo" panose="00000500000000000000" pitchFamily="2" charset="0"/>
          <a:ea typeface="+mn-ea"/>
          <a:cs typeface="+mn-cs"/>
        </a:defRPr>
      </a:lvl3pPr>
      <a:lvl4pPr marL="1543050" indent="-171450" algn="l" rtl="0" eaLnBrk="1" fontAlgn="base" hangingPunct="1">
        <a:lnSpc>
          <a:spcPct val="110000"/>
        </a:lnSpc>
        <a:spcBef>
          <a:spcPts val="500"/>
        </a:spcBef>
        <a:spcAft>
          <a:spcPct val="0"/>
        </a:spcAft>
        <a:buClr>
          <a:schemeClr val="accent1"/>
        </a:buClr>
        <a:buSzPct val="100000"/>
        <a:buFont typeface="Arial" panose="020B0604020202020204" pitchFamily="34" charset="0"/>
        <a:buChar char="•"/>
        <a:defRPr sz="900" kern="1200">
          <a:solidFill>
            <a:schemeClr val="tx2"/>
          </a:solidFill>
          <a:latin typeface="Chivo" panose="00000500000000000000" pitchFamily="2" charset="0"/>
          <a:ea typeface="+mn-ea"/>
          <a:cs typeface="+mn-cs"/>
        </a:defRPr>
      </a:lvl4pPr>
      <a:lvl5pPr marL="2000250" indent="-171450" algn="l" rtl="0" eaLnBrk="1" fontAlgn="base" hangingPunct="1">
        <a:lnSpc>
          <a:spcPct val="110000"/>
        </a:lnSpc>
        <a:spcBef>
          <a:spcPts val="500"/>
        </a:spcBef>
        <a:spcAft>
          <a:spcPct val="0"/>
        </a:spcAft>
        <a:buClr>
          <a:schemeClr val="accent1"/>
        </a:buClr>
        <a:buSzPct val="100000"/>
        <a:buFont typeface="Arial" panose="020B0604020202020204" pitchFamily="34" charset="0"/>
        <a:buChar char="•"/>
        <a:defRPr sz="800" kern="1200">
          <a:solidFill>
            <a:schemeClr val="tx2"/>
          </a:solidFill>
          <a:latin typeface="Chivo" panose="00000500000000000000" pitchFamily="2" charset="0"/>
          <a:ea typeface="+mn-ea"/>
          <a:cs typeface="+mn-cs"/>
        </a:defRPr>
      </a:lvl5pPr>
      <a:lvl6pPr marL="2514663" indent="-228606" algn="l" defTabSz="914423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6pPr>
      <a:lvl7pPr marL="2971875" indent="-228606" algn="l" defTabSz="914423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7pPr>
      <a:lvl8pPr marL="3429086" indent="-228606" algn="l" defTabSz="914423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8pPr>
      <a:lvl9pPr marL="3886298" indent="-228606" algn="l" defTabSz="914423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23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1pPr>
      <a:lvl2pPr marL="457211" algn="l" defTabSz="914423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2pPr>
      <a:lvl3pPr marL="914423" algn="l" defTabSz="914423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3pPr>
      <a:lvl4pPr marL="1371634" algn="l" defTabSz="914423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4pPr>
      <a:lvl5pPr marL="1828846" algn="l" defTabSz="914423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5pPr>
      <a:lvl6pPr marL="2286057" algn="l" defTabSz="914423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6pPr>
      <a:lvl7pPr marL="2743269" algn="l" defTabSz="914423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7pPr>
      <a:lvl8pPr marL="3200480" algn="l" defTabSz="914423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8pPr>
      <a:lvl9pPr marL="3657691" algn="l" defTabSz="914423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84" userDrawn="1">
          <p15:clr>
            <a:srgbClr val="547EBF"/>
          </p15:clr>
        </p15:guide>
        <p15:guide id="2" pos="7196" userDrawn="1">
          <p15:clr>
            <a:srgbClr val="547EBF"/>
          </p15:clr>
        </p15:guide>
        <p15:guide id="3" orient="horz" pos="482" userDrawn="1">
          <p15:clr>
            <a:srgbClr val="547EBF"/>
          </p15:clr>
        </p15:guide>
        <p15:guide id="7" orient="horz" pos="3838" userDrawn="1">
          <p15:clr>
            <a:srgbClr val="547EBF"/>
          </p15:clr>
        </p15:guide>
        <p15:guide id="11" pos="960" userDrawn="1">
          <p15:clr>
            <a:srgbClr val="547EBF"/>
          </p15:clr>
        </p15:guide>
        <p15:guide id="12" pos="1050" userDrawn="1">
          <p15:clr>
            <a:srgbClr val="547EBF"/>
          </p15:clr>
        </p15:guide>
        <p15:guide id="13" pos="1527" userDrawn="1">
          <p15:clr>
            <a:srgbClr val="547EBF"/>
          </p15:clr>
        </p15:guide>
        <p15:guide id="14" pos="1617" userDrawn="1">
          <p15:clr>
            <a:srgbClr val="547EBF"/>
          </p15:clr>
        </p15:guide>
        <p15:guide id="15" pos="2094" userDrawn="1">
          <p15:clr>
            <a:srgbClr val="547EBF"/>
          </p15:clr>
        </p15:guide>
        <p15:guide id="16" pos="2184" userDrawn="1">
          <p15:clr>
            <a:srgbClr val="547EBF"/>
          </p15:clr>
        </p15:guide>
        <p15:guide id="17" pos="2661" userDrawn="1">
          <p15:clr>
            <a:srgbClr val="547EBF"/>
          </p15:clr>
        </p15:guide>
        <p15:guide id="18" pos="2751" userDrawn="1">
          <p15:clr>
            <a:srgbClr val="547EBF"/>
          </p15:clr>
        </p15:guide>
        <p15:guide id="19" pos="3228" userDrawn="1">
          <p15:clr>
            <a:srgbClr val="547EBF"/>
          </p15:clr>
        </p15:guide>
        <p15:guide id="20" pos="3318" userDrawn="1">
          <p15:clr>
            <a:srgbClr val="547EBF"/>
          </p15:clr>
        </p15:guide>
        <p15:guide id="21" pos="3795" userDrawn="1">
          <p15:clr>
            <a:srgbClr val="547EBF"/>
          </p15:clr>
        </p15:guide>
        <p15:guide id="22" pos="3885" userDrawn="1">
          <p15:clr>
            <a:srgbClr val="547EBF"/>
          </p15:clr>
        </p15:guide>
        <p15:guide id="23" pos="4362" userDrawn="1">
          <p15:clr>
            <a:srgbClr val="547EBF"/>
          </p15:clr>
        </p15:guide>
        <p15:guide id="24" pos="4452" userDrawn="1">
          <p15:clr>
            <a:srgbClr val="547EBF"/>
          </p15:clr>
        </p15:guide>
        <p15:guide id="25" pos="4929" userDrawn="1">
          <p15:clr>
            <a:srgbClr val="547EBF"/>
          </p15:clr>
        </p15:guide>
        <p15:guide id="26" pos="5019" userDrawn="1">
          <p15:clr>
            <a:srgbClr val="547EBF"/>
          </p15:clr>
        </p15:guide>
        <p15:guide id="27" pos="5496" userDrawn="1">
          <p15:clr>
            <a:srgbClr val="547EBF"/>
          </p15:clr>
        </p15:guide>
        <p15:guide id="28" pos="5586" userDrawn="1">
          <p15:clr>
            <a:srgbClr val="547EBF"/>
          </p15:clr>
        </p15:guide>
        <p15:guide id="29" pos="6063" userDrawn="1">
          <p15:clr>
            <a:srgbClr val="547EBF"/>
          </p15:clr>
        </p15:guide>
        <p15:guide id="30" pos="6153" userDrawn="1">
          <p15:clr>
            <a:srgbClr val="547EBF"/>
          </p15:clr>
        </p15:guide>
        <p15:guide id="31" pos="6630" userDrawn="1">
          <p15:clr>
            <a:srgbClr val="547EBF"/>
          </p15:clr>
        </p15:guide>
        <p15:guide id="32" pos="6720" userDrawn="1">
          <p15:clr>
            <a:srgbClr val="547EBF"/>
          </p15:clr>
        </p15:guide>
        <p15:guide id="33" orient="horz" pos="958" userDrawn="1">
          <p15:clr>
            <a:srgbClr val="547EBF"/>
          </p15:clr>
        </p15:guide>
        <p15:guide id="34" orient="horz" pos="1049" userDrawn="1">
          <p15:clr>
            <a:srgbClr val="547EBF"/>
          </p15:clr>
        </p15:guide>
        <p15:guide id="35" orient="horz" pos="1525" userDrawn="1">
          <p15:clr>
            <a:srgbClr val="547EBF"/>
          </p15:clr>
        </p15:guide>
        <p15:guide id="36" orient="horz" pos="1625" userDrawn="1">
          <p15:clr>
            <a:srgbClr val="547EBF"/>
          </p15:clr>
        </p15:guide>
        <p15:guide id="37" orient="horz" pos="2092" userDrawn="1">
          <p15:clr>
            <a:srgbClr val="547EBF"/>
          </p15:clr>
        </p15:guide>
        <p15:guide id="38" orient="horz" pos="2183" userDrawn="1">
          <p15:clr>
            <a:srgbClr val="547EBF"/>
          </p15:clr>
        </p15:guide>
        <p15:guide id="39" orient="horz" pos="2659" userDrawn="1">
          <p15:clr>
            <a:srgbClr val="547EBF"/>
          </p15:clr>
        </p15:guide>
        <p15:guide id="40" orient="horz" pos="2772" userDrawn="1">
          <p15:clr>
            <a:srgbClr val="547EBF"/>
          </p15:clr>
        </p15:guide>
        <p15:guide id="41" orient="horz" pos="3249" userDrawn="1">
          <p15:clr>
            <a:srgbClr val="547EBF"/>
          </p15:clr>
        </p15:guide>
        <p15:guide id="42" orient="horz" pos="3362" userDrawn="1">
          <p15:clr>
            <a:srgbClr val="547EBF"/>
          </p15:clr>
        </p15:guide>
        <p15:guide id="43" orient="horz" pos="408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9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7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5D64E408-3CD2-4C34-8F0D-2DE8071FE509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en-GB" dirty="0"/>
              <a:t>Name Surnam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C74A6A-528D-4BBA-9EAE-968973625CE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GB" dirty="0"/>
              <a:t>Position, Country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3AA14EF-20E0-4126-AF3D-D7BB3B1119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768350" y="2586199"/>
            <a:ext cx="5152389" cy="1640178"/>
          </a:xfrm>
        </p:spPr>
        <p:txBody>
          <a:bodyPr/>
          <a:lstStyle/>
          <a:p>
            <a:r>
              <a:rPr lang="en-GB" dirty="0"/>
              <a:t>Opening slide </a:t>
            </a:r>
            <a:br>
              <a:rPr lang="en-GB" dirty="0"/>
            </a:br>
            <a:r>
              <a:rPr lang="en-GB" dirty="0"/>
              <a:t>– title goes here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2D6FEB74-F327-48C7-A7EC-2B89584C2CF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Subtitle/short description goes here</a:t>
            </a:r>
          </a:p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8021053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013DF21-36DD-5F0D-C276-378D795D63C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D00C19F-D7DB-DE01-22E2-6FB7360840D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970901A-7FC8-DA19-A133-2FB2A9C74441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69DA797-E827-2A10-93C7-2C5BA231106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6C06554-49D1-1B5B-A421-95D0041606C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9B93594-5209-959A-2B4F-E1AEC3F1B2A5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5CF62BEC-D3DD-18EF-0840-4493840420E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6D44357-5192-0A9F-C482-5C43187BF46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237FD38-3EA9-88C0-AB39-F80D6A3E72E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5BFB56D-6C6C-C27F-9CD6-3610DBBAA65C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FFD066B-D36E-6120-AA89-30C472866ED1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E4E15CE6-316C-DDA2-AB85-D1F9C10511C8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777AA56C-A338-8414-15F8-BB6FDD15F356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4B3C8A16-481C-E9F8-6267-59E15EBB3D84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5FD84FC9-5EE7-EC57-7919-C01AE2957D70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315736D8-9FE2-CCF0-A540-B8FEEEF459D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B6E4206B-41B2-1F9A-62D7-A4046759C44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B12A16B9-FF61-80AF-F855-D34203CA49EF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D40849AF-B765-C867-9AEC-7FF812D0F3B1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/>
        <p:txBody>
          <a:bodyPr/>
          <a:lstStyle/>
          <a:p>
            <a:endParaRPr lang="en-DK"/>
          </a:p>
        </p:txBody>
      </p:sp>
    </p:spTree>
    <p:extLst>
      <p:ext uri="{BB962C8B-B14F-4D97-AF65-F5344CB8AC3E}">
        <p14:creationId xmlns:p14="http://schemas.microsoft.com/office/powerpoint/2010/main" val="381756543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4ECE3E4-4E6F-413B-B624-5DD2E28CD35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E14598-3ED9-4545-845A-8F73E312319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D63FA6-10C3-4A46-86FF-760339923904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7906932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6D06E2-3E0D-4BB3-EACC-C661DBA5E8A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302E45D-954C-9E28-EDCA-D94703A2A088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FD7FC90-836E-04CD-F99A-AC803A4E6AE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DK"/>
          </a:p>
        </p:txBody>
      </p:sp>
    </p:spTree>
    <p:extLst>
      <p:ext uri="{BB962C8B-B14F-4D97-AF65-F5344CB8AC3E}">
        <p14:creationId xmlns:p14="http://schemas.microsoft.com/office/powerpoint/2010/main" val="251965864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FB0493-F23C-507D-EF2C-BB1F111304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029344C-F3F7-23F0-8FDB-870BA4363FA9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3E8D2A-EFFA-3DB3-9352-401AB0DC393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9612064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13BE4032-1A79-B84E-8D16-2034E3549E3C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58B13C6-3B0C-A1E7-2EFA-4163C74EC1E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07E70FA-9F6F-C257-6558-045D8021DCF6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DK"/>
          </a:p>
        </p:txBody>
      </p:sp>
    </p:spTree>
    <p:extLst>
      <p:ext uri="{BB962C8B-B14F-4D97-AF65-F5344CB8AC3E}">
        <p14:creationId xmlns:p14="http://schemas.microsoft.com/office/powerpoint/2010/main" val="201144789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34510275"/>
      </p:ext>
    </p:extLst>
  </p:cSld>
  <p:clrMapOvr>
    <a:masterClrMapping/>
  </p:clrMapOvr>
</p:sld>
</file>

<file path=ppt/theme/theme1.xml><?xml version="1.0" encoding="utf-8"?>
<a:theme xmlns:a="http://schemas.openxmlformats.org/drawingml/2006/main" name="7N White Template">
  <a:themeElements>
    <a:clrScheme name="7N Theme">
      <a:dk1>
        <a:srgbClr val="05001E"/>
      </a:dk1>
      <a:lt1>
        <a:srgbClr val="D6D7E1"/>
      </a:lt1>
      <a:dk2>
        <a:srgbClr val="03063F"/>
      </a:dk2>
      <a:lt2>
        <a:srgbClr val="FFFFFF"/>
      </a:lt2>
      <a:accent1>
        <a:srgbClr val="0103FF"/>
      </a:accent1>
      <a:accent2>
        <a:srgbClr val="FA474F"/>
      </a:accent2>
      <a:accent3>
        <a:srgbClr val="03063F"/>
      </a:accent3>
      <a:accent4>
        <a:srgbClr val="999AFF"/>
      </a:accent4>
      <a:accent5>
        <a:srgbClr val="FDB5B8"/>
      </a:accent5>
      <a:accent6>
        <a:srgbClr val="0CE89D"/>
      </a:accent6>
      <a:hlink>
        <a:srgbClr val="0103FF"/>
      </a:hlink>
      <a:folHlink>
        <a:srgbClr val="D6D7E0"/>
      </a:folHlink>
    </a:clrScheme>
    <a:fontScheme name="7N Chivo">
      <a:majorFont>
        <a:latin typeface="Chivo Bold"/>
        <a:ea typeface=""/>
        <a:cs typeface=""/>
      </a:majorFont>
      <a:minorFont>
        <a:latin typeface="Chivo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2"/>
        </a:solidFill>
        <a:ln w="19050">
          <a:solidFill>
            <a:schemeClr val="accent1"/>
          </a:solidFill>
        </a:ln>
      </a:spPr>
      <a:bodyPr rtlCol="0" anchor="t"/>
      <a:lstStyle>
        <a:defPPr algn="l">
          <a:defRPr sz="1200" dirty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9050"/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400" dirty="0" smtClean="0">
            <a:solidFill>
              <a:schemeClr val="tx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Theme2" id="{B1245B3B-2807-4E87-8098-8ED0ACC1067A}" vid="{A118DD96-BB07-4E5F-B9AB-DB3E5C94D27B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70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5EF1D288-9ECC-4CB1-ACA6-9CF738EE045F}">
  <we:reference id="f2a82ef4-a4d2-40cc-9aeb-44a68782e2c1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312322784257437","enableDocumentContentUpdater":false,"version":"2.0"}]]></TemplafySlideTemplate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TemplateConfiguration><![CDATA[{"elementsMetadata":[],"transformationConfigurations":[],"templateName":"7n-hd-blank-presentation-250923","templateDescription":"","enableDocumentContentUpdater":false,"version":"2.0"}]]></TemplafyTemplateConfiguration>
</file>

<file path=customXml/item13.xml><?xml version="1.0" encoding="utf-8"?>
<TemplafyFormConfiguration><![CDATA[{"formFields":[],"formDataEntries":[]}]]></TemplafyFormConfiguration>
</file>

<file path=customXml/item14.xml><?xml version="1.0" encoding="utf-8"?>
<TemplafySlideTemplateConfiguration><![CDATA[{"slideVersion":1,"isValidatorEnabled":false,"isLocked":false,"elementsMetadata":[],"slideId":"638312322784186806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],"slideId":"638312322784160584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312322784245946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312322784268375","enableDocumentContentUpdater":false,"version":"2.0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E6FB8374FEBDF45839930C9201E2A4E" ma:contentTypeVersion="13" ma:contentTypeDescription="Create a new document." ma:contentTypeScope="" ma:versionID="1ab6b80d6ab9c5ecc9c8829cfa1c330e">
  <xsd:schema xmlns:xsd="http://www.w3.org/2001/XMLSchema" xmlns:xs="http://www.w3.org/2001/XMLSchema" xmlns:p="http://schemas.microsoft.com/office/2006/metadata/properties" xmlns:ns2="39f5531e-dfea-4ac7-ab48-df33d3c0ba26" xmlns:ns3="f416ee6e-b7bb-4772-aed3-92f683911a78" targetNamespace="http://schemas.microsoft.com/office/2006/metadata/properties" ma:root="true" ma:fieldsID="8feaa25dff89c61639e40a63a310ad2f" ns2:_="" ns3:_="">
    <xsd:import namespace="39f5531e-dfea-4ac7-ab48-df33d3c0ba26"/>
    <xsd:import namespace="f416ee6e-b7bb-4772-aed3-92f683911a7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OCR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f5531e-dfea-4ac7-ab48-df33d3c0ba2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416ee6e-b7bb-4772-aed3-92f683911a78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C369DC8-B93E-49BC-9E95-8D8417BB3568}">
  <ds:schemaRefs/>
</ds:datastoreItem>
</file>

<file path=customXml/itemProps10.xml><?xml version="1.0" encoding="utf-8"?>
<ds:datastoreItem xmlns:ds="http://schemas.openxmlformats.org/officeDocument/2006/customXml" ds:itemID="{1A3B4256-96B0-4EFE-9121-7CC305ACE942}">
  <ds:schemaRefs>
    <ds:schemaRef ds:uri="f416ee6e-b7bb-4772-aed3-92f683911a78"/>
    <ds:schemaRef ds:uri="http://schemas.microsoft.com/office/infopath/2007/PartnerControls"/>
    <ds:schemaRef ds:uri="http://purl.org/dc/dcmitype/"/>
    <ds:schemaRef ds:uri="http://schemas.microsoft.com/office/2006/documentManagement/types"/>
    <ds:schemaRef ds:uri="http://purl.org/dc/elements/1.1/"/>
    <ds:schemaRef ds:uri="http://www.w3.org/XML/1998/namespace"/>
    <ds:schemaRef ds:uri="http://schemas.openxmlformats.org/package/2006/metadata/core-properties"/>
    <ds:schemaRef ds:uri="39f5531e-dfea-4ac7-ab48-df33d3c0ba26"/>
    <ds:schemaRef ds:uri="http://schemas.microsoft.com/office/2006/metadata/properties"/>
    <ds:schemaRef ds:uri="http://purl.org/dc/terms/"/>
  </ds:schemaRefs>
</ds:datastoreItem>
</file>

<file path=customXml/itemProps11.xml><?xml version="1.0" encoding="utf-8"?>
<ds:datastoreItem xmlns:ds="http://schemas.openxmlformats.org/officeDocument/2006/customXml" ds:itemID="{FEAB5678-E29F-4D9B-AF06-BA3B747650F2}">
  <ds:schemaRefs/>
</ds:datastoreItem>
</file>

<file path=customXml/itemProps12.xml><?xml version="1.0" encoding="utf-8"?>
<ds:datastoreItem xmlns:ds="http://schemas.openxmlformats.org/officeDocument/2006/customXml" ds:itemID="{8B498B77-8F36-4A26-A812-EB1045B14949}">
  <ds:schemaRefs/>
</ds:datastoreItem>
</file>

<file path=customXml/itemProps13.xml><?xml version="1.0" encoding="utf-8"?>
<ds:datastoreItem xmlns:ds="http://schemas.openxmlformats.org/officeDocument/2006/customXml" ds:itemID="{16F2EBFD-D1C3-4637-8E39-A980012E7B7C}">
  <ds:schemaRefs/>
</ds:datastoreItem>
</file>

<file path=customXml/itemProps14.xml><?xml version="1.0" encoding="utf-8"?>
<ds:datastoreItem xmlns:ds="http://schemas.openxmlformats.org/officeDocument/2006/customXml" ds:itemID="{12F8CBA8-E10A-4E5A-A143-F48D12218705}">
  <ds:schemaRefs/>
</ds:datastoreItem>
</file>

<file path=customXml/itemProps15.xml><?xml version="1.0" encoding="utf-8"?>
<ds:datastoreItem xmlns:ds="http://schemas.openxmlformats.org/officeDocument/2006/customXml" ds:itemID="{E7F59E53-A2CB-4C60-9548-AEE6AB064698}">
  <ds:schemaRefs/>
</ds:datastoreItem>
</file>

<file path=customXml/itemProps2.xml><?xml version="1.0" encoding="utf-8"?>
<ds:datastoreItem xmlns:ds="http://schemas.openxmlformats.org/officeDocument/2006/customXml" ds:itemID="{CB0ADB37-E8F9-4311-94E3-8DD81DF8206E}">
  <ds:schemaRefs/>
</ds:datastoreItem>
</file>

<file path=customXml/itemProps3.xml><?xml version="1.0" encoding="utf-8"?>
<ds:datastoreItem xmlns:ds="http://schemas.openxmlformats.org/officeDocument/2006/customXml" ds:itemID="{AC795AA6-E547-48DC-A7AD-07D181732BA1}">
  <ds:schemaRefs/>
</ds:datastoreItem>
</file>

<file path=customXml/itemProps4.xml><?xml version="1.0" encoding="utf-8"?>
<ds:datastoreItem xmlns:ds="http://schemas.openxmlformats.org/officeDocument/2006/customXml" ds:itemID="{A1840DEB-8452-424C-A971-6D7735F25254}">
  <ds:schemaRefs/>
</ds:datastoreItem>
</file>

<file path=customXml/itemProps5.xml><?xml version="1.0" encoding="utf-8"?>
<ds:datastoreItem xmlns:ds="http://schemas.openxmlformats.org/officeDocument/2006/customXml" ds:itemID="{C798F8C8-8AC7-4D3D-8BBC-9140488D43A3}">
  <ds:schemaRefs/>
</ds:datastoreItem>
</file>

<file path=customXml/itemProps6.xml><?xml version="1.0" encoding="utf-8"?>
<ds:datastoreItem xmlns:ds="http://schemas.openxmlformats.org/officeDocument/2006/customXml" ds:itemID="{919C7CC6-986C-43AF-B11D-A9AED52EF552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E76DE554-3964-4570-8D0A-01B9CCFCA55E}">
  <ds:schemaRefs/>
</ds:datastoreItem>
</file>

<file path=customXml/itemProps8.xml><?xml version="1.0" encoding="utf-8"?>
<ds:datastoreItem xmlns:ds="http://schemas.openxmlformats.org/officeDocument/2006/customXml" ds:itemID="{8B187DF4-F0EF-437C-A2C5-35826B7F852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9f5531e-dfea-4ac7-ab48-df33d3c0ba26"/>
    <ds:schemaRef ds:uri="f416ee6e-b7bb-4772-aed3-92f683911a7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4A837620-0A1D-484A-8875-C7D6336825D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1</Words>
  <Application>Microsoft Office PowerPoint</Application>
  <PresentationFormat>Widescreen</PresentationFormat>
  <Paragraphs>7</Paragraphs>
  <Slides>7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9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7" baseType="lpstr">
      <vt:lpstr>Advent Pro Light</vt:lpstr>
      <vt:lpstr>Arial</vt:lpstr>
      <vt:lpstr>Calibri</vt:lpstr>
      <vt:lpstr>Chivo</vt:lpstr>
      <vt:lpstr>Chivo Black</vt:lpstr>
      <vt:lpstr>Chivo Bold</vt:lpstr>
      <vt:lpstr>Chivo Light</vt:lpstr>
      <vt:lpstr>Chivo Light italic</vt:lpstr>
      <vt:lpstr>Playfair Display</vt:lpstr>
      <vt:lpstr>7N White Template</vt:lpstr>
      <vt:lpstr>Opening slide  – title goes her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7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7N</dc:title>
  <dc:creator>7N</dc:creator>
  <cp:keywords>7N</cp:keywords>
  <cp:lastModifiedBy>Christina Buch Sandager</cp:lastModifiedBy>
  <cp:revision>1259</cp:revision>
  <dcterms:created xsi:type="dcterms:W3CDTF">2024-03-12T11:06:03Z</dcterms:created>
  <dcterms:modified xsi:type="dcterms:W3CDTF">2024-05-14T14:04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6E6FB8374FEBDF45839930C9201E2A4E</vt:lpwstr>
  </property>
  <property fmtid="{D5CDD505-2E9C-101B-9397-08002B2CF9AE}" pid="3" name="TemplafyTimeStamp">
    <vt:lpwstr>2023-09-25T09:51:18</vt:lpwstr>
  </property>
  <property fmtid="{D5CDD505-2E9C-101B-9397-08002B2CF9AE}" pid="4" name="TemplafyTenantId">
    <vt:lpwstr>7ncom</vt:lpwstr>
  </property>
  <property fmtid="{D5CDD505-2E9C-101B-9397-08002B2CF9AE}" pid="5" name="TemplafyTemplateId">
    <vt:lpwstr>740248575653445672</vt:lpwstr>
  </property>
  <property fmtid="{D5CDD505-2E9C-101B-9397-08002B2CF9AE}" pid="6" name="TemplafyUserProfileId">
    <vt:lpwstr>777534028819726347</vt:lpwstr>
  </property>
  <property fmtid="{D5CDD505-2E9C-101B-9397-08002B2CF9AE}" pid="7" name="TemplafyFromBlank">
    <vt:bool>true</vt:bool>
  </property>
</Properties>
</file>